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71" r:id="rId8"/>
  </p:sldMasterIdLst>
  <p:notesMasterIdLst>
    <p:notesMasterId r:id="rId22"/>
  </p:notesMasterIdLst>
  <p:handoutMasterIdLst>
    <p:handoutMasterId r:id="rId23"/>
  </p:handoutMasterIdLst>
  <p:sldIdLst>
    <p:sldId id="260" r:id="rId9"/>
    <p:sldId id="261" r:id="rId10"/>
    <p:sldId id="262" r:id="rId11"/>
    <p:sldId id="263" r:id="rId12"/>
    <p:sldId id="2147473857" r:id="rId13"/>
    <p:sldId id="2147473873" r:id="rId14"/>
    <p:sldId id="2147473863" r:id="rId15"/>
    <p:sldId id="2147473878" r:id="rId16"/>
    <p:sldId id="265" r:id="rId17"/>
    <p:sldId id="2147473872" r:id="rId18"/>
    <p:sldId id="2147473871" r:id="rId19"/>
    <p:sldId id="813" r:id="rId20"/>
    <p:sldId id="808" r:id="rId2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CCFF00"/>
    <a:srgbClr val="00C300"/>
    <a:srgbClr val="AAEEAA"/>
    <a:srgbClr val="CCEECC"/>
    <a:srgbClr val="DDFF77"/>
    <a:srgbClr val="BBFF00"/>
    <a:srgbClr val="FBFFE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15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72833802-FEF1-4C79-8D5D-14CF1EAF98D9}">
  <a:tblStyle styleId="{F800B559-55DF-4324-A70D-7A5FB1BD5379}" styleName="KPN">
    <a:wholeTbl>
      <a:tcTxStyle>
        <a:fontRef idx="minor">
          <a:prstClr val="black"/>
        </a:fontRef>
        <a:srgbClr val="1E1E1E"/>
      </a:tcTxStyle>
      <a:tcStyle>
        <a:tcBdr>
          <a:left>
            <a:ln w="0" cmpd="sng">
              <a:solidFill>
                <a:srgbClr val="FFFFFF"/>
              </a:solidFill>
            </a:ln>
          </a:left>
          <a:right>
            <a:ln w="0" cmpd="sng">
              <a:solidFill>
                <a:srgbClr val="FFFFFF"/>
              </a:solidFill>
            </a:ln>
          </a:right>
          <a:top>
            <a:ln w="6350" cmpd="sng">
              <a:solidFill>
                <a:srgbClr val="1E1E1E"/>
              </a:solidFill>
            </a:ln>
          </a:top>
          <a:bottom>
            <a:ln w="6350" cmpd="sng">
              <a:solidFill>
                <a:srgbClr val="1E1E1E"/>
              </a:solidFill>
            </a:ln>
          </a:bottom>
          <a:insideH>
            <a:ln w="6350" cmpd="sng">
              <a:solidFill>
                <a:srgbClr val="1E1E1E"/>
              </a:solidFill>
            </a:ln>
          </a:insideH>
          <a:insideV>
            <a:ln w="0" cmpd="sng">
              <a:solidFill>
                <a:srgbClr val="FFFFFF"/>
              </a:solidFill>
            </a:ln>
          </a:insideV>
        </a:tcBdr>
        <a:fill>
          <a:solidFill>
            <a:srgbClr val="FFFFFF">
              <a:tint val="100000"/>
              <a:alpha val="0"/>
            </a:srgbClr>
          </a:solidFill>
        </a:fill>
      </a:tcStyle>
    </a:wholeTbl>
    <a:band1H>
      <a:tcStyle>
        <a:tcBdr/>
        <a:fill>
          <a:solidFill>
            <a:srgbClr val="FAFAFA">
              <a:tint val="100000"/>
            </a:srgbClr>
          </a:solidFill>
        </a:fill>
      </a:tcStyle>
    </a:band1H>
    <a:band2H>
      <a:tcStyle>
        <a:tcBdr/>
        <a:fill>
          <a:solidFill>
            <a:srgbClr val="FFFFFF">
              <a:tint val="100000"/>
            </a:srgbClr>
          </a:solidFill>
        </a:fill>
      </a:tcStyle>
    </a:band2H>
    <a:band1V>
      <a:tcStyle>
        <a:tcBdr/>
        <a:fill>
          <a:solidFill>
            <a:srgbClr val="FAFAFA">
              <a:tint val="100000"/>
            </a:srgbClr>
          </a:solidFill>
        </a:fill>
      </a:tcStyle>
    </a:band1V>
    <a:band2V>
      <a:tcStyle>
        <a:tcBdr/>
        <a:fill>
          <a:solidFill>
            <a:srgbClr val="FFFFFF">
              <a:tint val="100000"/>
            </a:srgbClr>
          </a:solidFill>
        </a:fill>
      </a:tcStyle>
    </a:band2V>
    <a:lastCol>
      <a:tcTxStyle b="off">
        <a:fontRef idx="minor">
          <a:prstClr val="black"/>
        </a:fontRef>
        <a:srgbClr val="1E1E1E"/>
      </a:tcTxStyle>
      <a:tcStyle>
        <a:tcBdr>
          <a:insideH>
            <a:ln w="6350" cmpd="sng">
              <a:solidFill>
                <a:srgbClr val="FFFFFF"/>
              </a:solidFill>
            </a:ln>
          </a:insideH>
        </a:tcBdr>
        <a:fill>
          <a:solidFill>
            <a:srgbClr val="00C300">
              <a:alpha val="100000"/>
            </a:srgbClr>
          </a:solidFill>
        </a:fill>
      </a:tcStyle>
    </a:lastCol>
    <a:firstCol>
      <a:tcTxStyle b="off">
        <a:fontRef idx="minor">
          <a:prstClr val="black"/>
        </a:fontRef>
        <a:srgbClr val="1E1E1E"/>
      </a:tcTxStyle>
      <a:tcStyle>
        <a:tcBdr/>
      </a:tcStyle>
    </a:firstCol>
    <a:lastRow>
      <a:tcTxStyle b="on">
        <a:fontRef idx="minor">
          <a:prstClr val="black"/>
        </a:fontRef>
        <a:srgbClr val="1E1E1E"/>
      </a:tcTxStyle>
      <a:tcStyle>
        <a:tcBdr>
          <a:top>
            <a:ln w="12700" cmpd="sng">
              <a:solidFill>
                <a:srgbClr val="1E1E1E"/>
              </a:solidFill>
            </a:ln>
          </a:top>
        </a:tcBdr>
      </a:tcStyle>
    </a:lastRow>
    <a:firstRow>
      <a:tcTxStyle b="on">
        <a:fontRef idx="minor">
          <a:prstClr val="white"/>
        </a:fontRef>
        <a:srgbClr val="FFFFFF"/>
      </a:tcTxStyle>
      <a:tcStyle>
        <a:tcBdr>
          <a:top>
            <a:ln w="0" cmpd="sng">
              <a:solidFill>
                <a:srgbClr val="00C300"/>
              </a:solidFill>
            </a:ln>
          </a:top>
          <a:bottom>
            <a:ln w="38100" cmpd="sng">
              <a:solidFill>
                <a:srgbClr val="00C300"/>
              </a:solidFill>
            </a:ln>
          </a:bottom>
        </a:tcBdr>
        <a:fill>
          <a:solidFill>
            <a:srgbClr val="00C300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72833802-FEF1-4C79-8D5D-14CF1EAF98D9}" styleName="Light Style 2 - Accent 2">
    <a:wholeTbl>
      <a:tcTxStyle>
        <a:fontRef idx="minor">
          <a:prstClr val="black"/>
        </a:fontRef>
        <a:srgbClr val="1E1E1E"/>
      </a:tcTxStyle>
      <a:tcStyle>
        <a:tcBdr>
          <a:left>
            <a:ln w="0" cmpd="sng">
              <a:solidFill>
                <a:srgbClr val="FFFFFF"/>
              </a:solidFill>
            </a:ln>
          </a:left>
          <a:right>
            <a:ln w="0" cmpd="sng">
              <a:solidFill>
                <a:srgbClr val="FFFFFF"/>
              </a:solidFill>
            </a:ln>
          </a:right>
          <a:top>
            <a:ln w="6350" cmpd="sng">
              <a:solidFill>
                <a:srgbClr val="1E1E1E"/>
              </a:solidFill>
            </a:ln>
          </a:top>
          <a:bottom>
            <a:ln w="6350" cmpd="sng">
              <a:solidFill>
                <a:srgbClr val="1E1E1E"/>
              </a:solidFill>
            </a:ln>
          </a:bottom>
          <a:insideH>
            <a:ln w="6350" cmpd="sng">
              <a:solidFill>
                <a:srgbClr val="1E1E1E"/>
              </a:solidFill>
            </a:ln>
          </a:insideH>
          <a:insideV>
            <a:ln w="0" cmpd="sng">
              <a:solidFill>
                <a:srgbClr val="FFFFFF"/>
              </a:solidFill>
            </a:ln>
          </a:insideV>
        </a:tcBdr>
        <a:fill>
          <a:solidFill>
            <a:srgbClr val="FFFFFF">
              <a:tint val="100000"/>
              <a:alpha val="0"/>
            </a:srgbClr>
          </a:solidFill>
        </a:fill>
      </a:tcStyle>
    </a:wholeTbl>
    <a:band1H>
      <a:tcStyle>
        <a:tcBdr/>
        <a:fill>
          <a:solidFill>
            <a:srgbClr val="FAFAFA">
              <a:tint val="100000"/>
            </a:srgbClr>
          </a:solidFill>
        </a:fill>
      </a:tcStyle>
    </a:band1H>
    <a:band2H>
      <a:tcStyle>
        <a:tcBdr/>
        <a:fill>
          <a:solidFill>
            <a:srgbClr val="FFFFFF">
              <a:tint val="100000"/>
            </a:srgbClr>
          </a:solidFill>
        </a:fill>
      </a:tcStyle>
    </a:band2H>
    <a:band1V>
      <a:tcStyle>
        <a:tcBdr/>
        <a:fill>
          <a:solidFill>
            <a:srgbClr val="FAFAFA">
              <a:tint val="100000"/>
            </a:srgbClr>
          </a:solidFill>
        </a:fill>
      </a:tcStyle>
    </a:band1V>
    <a:band2V>
      <a:tcStyle>
        <a:tcBdr/>
        <a:fill>
          <a:solidFill>
            <a:srgbClr val="FFFFFF">
              <a:tint val="100000"/>
            </a:srgbClr>
          </a:solidFill>
        </a:fill>
      </a:tcStyle>
    </a:band2V>
    <a:lastCol>
      <a:tcTxStyle b="off">
        <a:fontRef idx="minor">
          <a:prstClr val="black"/>
        </a:fontRef>
        <a:srgbClr val="1E1E1E"/>
      </a:tcTxStyle>
      <a:tcStyle>
        <a:tcBdr>
          <a:insideH>
            <a:ln w="6350" cmpd="sng">
              <a:solidFill>
                <a:srgbClr val="FFFFFF"/>
              </a:solidFill>
            </a:ln>
          </a:insideH>
        </a:tcBdr>
        <a:fill>
          <a:solidFill>
            <a:srgbClr val="00C300">
              <a:alpha val="100000"/>
            </a:srgbClr>
          </a:solidFill>
        </a:fill>
      </a:tcStyle>
    </a:lastCol>
    <a:firstCol>
      <a:tcTxStyle b="off">
        <a:fontRef idx="minor">
          <a:prstClr val="black"/>
        </a:fontRef>
        <a:srgbClr val="1E1E1E"/>
      </a:tcTxStyle>
      <a:tcStyle>
        <a:tcBdr/>
      </a:tcStyle>
    </a:firstCol>
    <a:lastRow>
      <a:tcTxStyle b="on">
        <a:fontRef idx="minor">
          <a:prstClr val="black"/>
        </a:fontRef>
        <a:srgbClr val="1E1E1E"/>
      </a:tcTxStyle>
      <a:tcStyle>
        <a:tcBdr>
          <a:top>
            <a:ln w="12700" cmpd="sng">
              <a:solidFill>
                <a:srgbClr val="1E1E1E"/>
              </a:solidFill>
            </a:ln>
          </a:top>
        </a:tcBdr>
      </a:tcStyle>
    </a:lastRow>
    <a:firstRow>
      <a:tcTxStyle b="on">
        <a:fontRef idx="minor">
          <a:prstClr val="white"/>
        </a:fontRef>
        <a:srgbClr val="FFFFFF"/>
      </a:tcTxStyle>
      <a:tcStyle>
        <a:tcBdr>
          <a:top>
            <a:ln w="0" cmpd="sng">
              <a:solidFill>
                <a:srgbClr val="00C300"/>
              </a:solidFill>
            </a:ln>
          </a:top>
          <a:bottom>
            <a:ln w="38100" cmpd="sng">
              <a:solidFill>
                <a:srgbClr val="00C300"/>
              </a:solidFill>
            </a:ln>
          </a:bottom>
        </a:tcBdr>
        <a:fill>
          <a:solidFill>
            <a:srgbClr val="00C300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221" autoAdjust="0"/>
  </p:normalViewPr>
  <p:slideViewPr>
    <p:cSldViewPr snapToGrid="0" showGuides="1">
      <p:cViewPr varScale="1">
        <p:scale>
          <a:sx n="113" d="100"/>
          <a:sy n="113" d="100"/>
        </p:scale>
        <p:origin x="510" y="102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20" d="100"/>
        <a:sy n="20" d="100"/>
      </p:scale>
      <p:origin x="0" y="-1656"/>
    </p:cViewPr>
  </p:sorterViewPr>
  <p:notesViewPr>
    <p:cSldViewPr snapToGrid="0" showGuides="1">
      <p:cViewPr varScale="1">
        <p:scale>
          <a:sx n="92" d="100"/>
          <a:sy n="92" d="100"/>
        </p:scale>
        <p:origin x="2676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slide" Target="slides/slide13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handoutMaster" Target="handoutMasters/handoutMaster1.xml"/><Relationship Id="rId28" Type="http://schemas.microsoft.com/office/2016/11/relationships/changesInfo" Target="changesInfos/changesInfo1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notesMaster" Target="notesMasters/notesMaster1.xml"/><Relationship Id="rId27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prengers, Erwin" userId="72b64063-9745-493b-bec1-b84d3ec93830" providerId="ADAL" clId="{9147EE4A-14CE-42CA-B450-7DDC42F0C4F1}"/>
    <pc:docChg chg="delSld">
      <pc:chgData name="Sprengers, Erwin" userId="72b64063-9745-493b-bec1-b84d3ec93830" providerId="ADAL" clId="{9147EE4A-14CE-42CA-B450-7DDC42F0C4F1}" dt="2024-04-09T13:24:44.289" v="11" actId="47"/>
      <pc:docMkLst>
        <pc:docMk/>
      </pc:docMkLst>
      <pc:sldChg chg="del">
        <pc:chgData name="Sprengers, Erwin" userId="72b64063-9745-493b-bec1-b84d3ec93830" providerId="ADAL" clId="{9147EE4A-14CE-42CA-B450-7DDC42F0C4F1}" dt="2024-04-09T13:24:10.242" v="5" actId="47"/>
        <pc:sldMkLst>
          <pc:docMk/>
          <pc:sldMk cId="901993482" sldId="259"/>
        </pc:sldMkLst>
      </pc:sldChg>
      <pc:sldChg chg="del">
        <pc:chgData name="Sprengers, Erwin" userId="72b64063-9745-493b-bec1-b84d3ec93830" providerId="ADAL" clId="{9147EE4A-14CE-42CA-B450-7DDC42F0C4F1}" dt="2024-04-09T13:23:59.734" v="3" actId="47"/>
        <pc:sldMkLst>
          <pc:docMk/>
          <pc:sldMk cId="1432356900" sldId="264"/>
        </pc:sldMkLst>
      </pc:sldChg>
      <pc:sldChg chg="del">
        <pc:chgData name="Sprengers, Erwin" userId="72b64063-9745-493b-bec1-b84d3ec93830" providerId="ADAL" clId="{9147EE4A-14CE-42CA-B450-7DDC42F0C4F1}" dt="2024-04-09T13:23:29.850" v="0" actId="47"/>
        <pc:sldMkLst>
          <pc:docMk/>
          <pc:sldMk cId="1925258562" sldId="266"/>
        </pc:sldMkLst>
      </pc:sldChg>
      <pc:sldChg chg="del">
        <pc:chgData name="Sprengers, Erwin" userId="72b64063-9745-493b-bec1-b84d3ec93830" providerId="ADAL" clId="{9147EE4A-14CE-42CA-B450-7DDC42F0C4F1}" dt="2024-04-09T13:23:29.850" v="0" actId="47"/>
        <pc:sldMkLst>
          <pc:docMk/>
          <pc:sldMk cId="2977571312" sldId="803"/>
        </pc:sldMkLst>
      </pc:sldChg>
      <pc:sldChg chg="del">
        <pc:chgData name="Sprengers, Erwin" userId="72b64063-9745-493b-bec1-b84d3ec93830" providerId="ADAL" clId="{9147EE4A-14CE-42CA-B450-7DDC42F0C4F1}" dt="2024-04-09T13:23:29.850" v="0" actId="47"/>
        <pc:sldMkLst>
          <pc:docMk/>
          <pc:sldMk cId="2858113867" sldId="804"/>
        </pc:sldMkLst>
      </pc:sldChg>
      <pc:sldChg chg="del">
        <pc:chgData name="Sprengers, Erwin" userId="72b64063-9745-493b-bec1-b84d3ec93830" providerId="ADAL" clId="{9147EE4A-14CE-42CA-B450-7DDC42F0C4F1}" dt="2024-04-09T13:23:29.850" v="0" actId="47"/>
        <pc:sldMkLst>
          <pc:docMk/>
          <pc:sldMk cId="23448528" sldId="805"/>
        </pc:sldMkLst>
      </pc:sldChg>
      <pc:sldChg chg="del">
        <pc:chgData name="Sprengers, Erwin" userId="72b64063-9745-493b-bec1-b84d3ec93830" providerId="ADAL" clId="{9147EE4A-14CE-42CA-B450-7DDC42F0C4F1}" dt="2024-04-09T13:23:34.760" v="1" actId="47"/>
        <pc:sldMkLst>
          <pc:docMk/>
          <pc:sldMk cId="103022602" sldId="807"/>
        </pc:sldMkLst>
      </pc:sldChg>
      <pc:sldChg chg="del">
        <pc:chgData name="Sprengers, Erwin" userId="72b64063-9745-493b-bec1-b84d3ec93830" providerId="ADAL" clId="{9147EE4A-14CE-42CA-B450-7DDC42F0C4F1}" dt="2024-04-09T13:24:07.815" v="4" actId="47"/>
        <pc:sldMkLst>
          <pc:docMk/>
          <pc:sldMk cId="1986369332" sldId="809"/>
        </pc:sldMkLst>
      </pc:sldChg>
      <pc:sldChg chg="del">
        <pc:chgData name="Sprengers, Erwin" userId="72b64063-9745-493b-bec1-b84d3ec93830" providerId="ADAL" clId="{9147EE4A-14CE-42CA-B450-7DDC42F0C4F1}" dt="2024-04-09T13:24:12.601" v="6" actId="47"/>
        <pc:sldMkLst>
          <pc:docMk/>
          <pc:sldMk cId="174321993" sldId="810"/>
        </pc:sldMkLst>
      </pc:sldChg>
      <pc:sldChg chg="del">
        <pc:chgData name="Sprengers, Erwin" userId="72b64063-9745-493b-bec1-b84d3ec93830" providerId="ADAL" clId="{9147EE4A-14CE-42CA-B450-7DDC42F0C4F1}" dt="2024-04-09T13:23:59.734" v="3" actId="47"/>
        <pc:sldMkLst>
          <pc:docMk/>
          <pc:sldMk cId="1275241860" sldId="814"/>
        </pc:sldMkLst>
      </pc:sldChg>
      <pc:sldChg chg="del">
        <pc:chgData name="Sprengers, Erwin" userId="72b64063-9745-493b-bec1-b84d3ec93830" providerId="ADAL" clId="{9147EE4A-14CE-42CA-B450-7DDC42F0C4F1}" dt="2024-04-09T13:23:59.734" v="3" actId="47"/>
        <pc:sldMkLst>
          <pc:docMk/>
          <pc:sldMk cId="1632299314" sldId="2147473858"/>
        </pc:sldMkLst>
      </pc:sldChg>
      <pc:sldChg chg="del">
        <pc:chgData name="Sprengers, Erwin" userId="72b64063-9745-493b-bec1-b84d3ec93830" providerId="ADAL" clId="{9147EE4A-14CE-42CA-B450-7DDC42F0C4F1}" dt="2024-04-09T13:23:59.734" v="3" actId="47"/>
        <pc:sldMkLst>
          <pc:docMk/>
          <pc:sldMk cId="3589869015" sldId="2147473859"/>
        </pc:sldMkLst>
      </pc:sldChg>
      <pc:sldChg chg="del">
        <pc:chgData name="Sprengers, Erwin" userId="72b64063-9745-493b-bec1-b84d3ec93830" providerId="ADAL" clId="{9147EE4A-14CE-42CA-B450-7DDC42F0C4F1}" dt="2024-04-09T13:23:59.734" v="3" actId="47"/>
        <pc:sldMkLst>
          <pc:docMk/>
          <pc:sldMk cId="3603771080" sldId="2147473860"/>
        </pc:sldMkLst>
      </pc:sldChg>
      <pc:sldChg chg="del">
        <pc:chgData name="Sprengers, Erwin" userId="72b64063-9745-493b-bec1-b84d3ec93830" providerId="ADAL" clId="{9147EE4A-14CE-42CA-B450-7DDC42F0C4F1}" dt="2024-04-09T13:23:59.734" v="3" actId="47"/>
        <pc:sldMkLst>
          <pc:docMk/>
          <pc:sldMk cId="4224109126" sldId="2147473861"/>
        </pc:sldMkLst>
      </pc:sldChg>
      <pc:sldChg chg="del">
        <pc:chgData name="Sprengers, Erwin" userId="72b64063-9745-493b-bec1-b84d3ec93830" providerId="ADAL" clId="{9147EE4A-14CE-42CA-B450-7DDC42F0C4F1}" dt="2024-04-09T13:23:59.734" v="3" actId="47"/>
        <pc:sldMkLst>
          <pc:docMk/>
          <pc:sldMk cId="3920848972" sldId="2147473862"/>
        </pc:sldMkLst>
      </pc:sldChg>
      <pc:sldChg chg="del">
        <pc:chgData name="Sprengers, Erwin" userId="72b64063-9745-493b-bec1-b84d3ec93830" providerId="ADAL" clId="{9147EE4A-14CE-42CA-B450-7DDC42F0C4F1}" dt="2024-04-09T13:24:28.555" v="10" actId="47"/>
        <pc:sldMkLst>
          <pc:docMk/>
          <pc:sldMk cId="491345526" sldId="2147473868"/>
        </pc:sldMkLst>
      </pc:sldChg>
      <pc:sldChg chg="del">
        <pc:chgData name="Sprengers, Erwin" userId="72b64063-9745-493b-bec1-b84d3ec93830" providerId="ADAL" clId="{9147EE4A-14CE-42CA-B450-7DDC42F0C4F1}" dt="2024-04-09T13:24:44.289" v="11" actId="47"/>
        <pc:sldMkLst>
          <pc:docMk/>
          <pc:sldMk cId="1568513915" sldId="2147473869"/>
        </pc:sldMkLst>
      </pc:sldChg>
      <pc:sldChg chg="del">
        <pc:chgData name="Sprengers, Erwin" userId="72b64063-9745-493b-bec1-b84d3ec93830" providerId="ADAL" clId="{9147EE4A-14CE-42CA-B450-7DDC42F0C4F1}" dt="2024-04-09T13:23:47.766" v="2" actId="47"/>
        <pc:sldMkLst>
          <pc:docMk/>
          <pc:sldMk cId="4189198290" sldId="2147473870"/>
        </pc:sldMkLst>
      </pc:sldChg>
      <pc:sldChg chg="del">
        <pc:chgData name="Sprengers, Erwin" userId="72b64063-9745-493b-bec1-b84d3ec93830" providerId="ADAL" clId="{9147EE4A-14CE-42CA-B450-7DDC42F0C4F1}" dt="2024-04-09T13:24:25.901" v="9" actId="47"/>
        <pc:sldMkLst>
          <pc:docMk/>
          <pc:sldMk cId="4143605910" sldId="2147473874"/>
        </pc:sldMkLst>
      </pc:sldChg>
      <pc:sldChg chg="del">
        <pc:chgData name="Sprengers, Erwin" userId="72b64063-9745-493b-bec1-b84d3ec93830" providerId="ADAL" clId="{9147EE4A-14CE-42CA-B450-7DDC42F0C4F1}" dt="2024-04-09T13:24:22.897" v="8" actId="47"/>
        <pc:sldMkLst>
          <pc:docMk/>
          <pc:sldMk cId="585042430" sldId="2147473876"/>
        </pc:sldMkLst>
      </pc:sldChg>
      <pc:sldChg chg="del">
        <pc:chgData name="Sprengers, Erwin" userId="72b64063-9745-493b-bec1-b84d3ec93830" providerId="ADAL" clId="{9147EE4A-14CE-42CA-B450-7DDC42F0C4F1}" dt="2024-04-09T13:24:20.818" v="7" actId="47"/>
        <pc:sldMkLst>
          <pc:docMk/>
          <pc:sldMk cId="3507576893" sldId="2147473877"/>
        </pc:sldMkLst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3_2">
  <dgm:title val=""/>
  <dgm:desc val=""/>
  <dgm:catLst>
    <dgm:cat type="accent3" pri="11200"/>
  </dgm:catLst>
  <dgm:styleLbl name="node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ln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8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3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3_2">
  <dgm:title val=""/>
  <dgm:desc val=""/>
  <dgm:catLst>
    <dgm:cat type="accent3" pri="11200"/>
  </dgm:catLst>
  <dgm:styleLbl name="node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ln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8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3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3_2">
  <dgm:title val=""/>
  <dgm:desc val=""/>
  <dgm:catLst>
    <dgm:cat type="accent3" pri="11200"/>
  </dgm:catLst>
  <dgm:styleLbl name="node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ln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8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3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41AB039E-9166-4302-B648-528618E0EAF4}" type="doc">
      <dgm:prSet loTypeId="urn:microsoft.com/office/officeart/2005/8/layout/vList2" loCatId="list" qsTypeId="urn:microsoft.com/office/officeart/2005/8/quickstyle/simple5" qsCatId="simple" csTypeId="urn:microsoft.com/office/officeart/2005/8/colors/accent3_2" csCatId="accent3" phldr="1"/>
      <dgm:spPr/>
      <dgm:t>
        <a:bodyPr/>
        <a:lstStyle/>
        <a:p>
          <a:endParaRPr lang="en-US"/>
        </a:p>
      </dgm:t>
    </dgm:pt>
    <dgm:pt modelId="{E2769A5B-F995-4457-BDD2-18A952A33137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1.	Werk software bij – voorbeeld Defensie!</a:t>
          </a:r>
          <a:endParaRPr lang="en-US" dirty="0">
            <a:latin typeface="KPN" panose="020B0504010101010104" pitchFamily="34" charset="0"/>
          </a:endParaRPr>
        </a:p>
      </dgm:t>
    </dgm:pt>
    <dgm:pt modelId="{E5E66D55-A319-4399-A1F1-89401F5EE054}" type="parTrans" cxnId="{4ACB62CB-4808-47AC-87E8-07D52807F1C3}">
      <dgm:prSet/>
      <dgm:spPr/>
      <dgm:t>
        <a:bodyPr/>
        <a:lstStyle/>
        <a:p>
          <a:endParaRPr lang="nl-NL"/>
        </a:p>
      </dgm:t>
    </dgm:pt>
    <dgm:pt modelId="{0C698021-0C76-4B65-BA3E-BA8B36250FE8}" type="sibTrans" cxnId="{4ACB62CB-4808-47AC-87E8-07D52807F1C3}">
      <dgm:prSet/>
      <dgm:spPr/>
      <dgm:t>
        <a:bodyPr/>
        <a:lstStyle/>
        <a:p>
          <a:endParaRPr lang="nl-NL"/>
        </a:p>
      </dgm:t>
    </dgm:pt>
    <dgm:pt modelId="{07DE5F91-69C3-4863-9878-F774C66D1A5C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2.	Zorg voor een virusscanner / firewall – Standaard software is niet genoeg</a:t>
          </a:r>
          <a:endParaRPr lang="en-US" dirty="0">
            <a:latin typeface="KPN" panose="020B0504010101010104" pitchFamily="34" charset="0"/>
          </a:endParaRPr>
        </a:p>
      </dgm:t>
    </dgm:pt>
    <dgm:pt modelId="{9E636DE5-CB7C-41ED-ACE2-50AB63455ECB}" type="parTrans" cxnId="{8896D505-2536-40EB-B0E8-4F6BBEE8AE0E}">
      <dgm:prSet/>
      <dgm:spPr/>
      <dgm:t>
        <a:bodyPr/>
        <a:lstStyle/>
        <a:p>
          <a:endParaRPr lang="nl-NL"/>
        </a:p>
      </dgm:t>
    </dgm:pt>
    <dgm:pt modelId="{06163FF6-5373-4C4D-9FF7-D02C13E6D9AD}" type="sibTrans" cxnId="{8896D505-2536-40EB-B0E8-4F6BBEE8AE0E}">
      <dgm:prSet/>
      <dgm:spPr/>
      <dgm:t>
        <a:bodyPr/>
        <a:lstStyle/>
        <a:p>
          <a:endParaRPr lang="nl-NL"/>
        </a:p>
      </dgm:t>
    </dgm:pt>
    <dgm:pt modelId="{CC4729B3-2422-473D-BA56-BEE7C7A9694F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3.	Slecht beveiligde wifi – Dit gaat om je eigen Wifi</a:t>
          </a:r>
          <a:endParaRPr lang="en-US" dirty="0">
            <a:latin typeface="KPN" panose="020B0504010101010104" pitchFamily="34" charset="0"/>
          </a:endParaRPr>
        </a:p>
      </dgm:t>
    </dgm:pt>
    <dgm:pt modelId="{F0809ABF-A514-4B2E-8FCC-CE2DCBAB7630}" type="parTrans" cxnId="{A1BA2C6E-80C9-4CB7-9CA4-B4DC97651608}">
      <dgm:prSet/>
      <dgm:spPr/>
      <dgm:t>
        <a:bodyPr/>
        <a:lstStyle/>
        <a:p>
          <a:endParaRPr lang="nl-NL"/>
        </a:p>
      </dgm:t>
    </dgm:pt>
    <dgm:pt modelId="{FD30972F-5E08-4633-AE67-0428DF9490E1}" type="sibTrans" cxnId="{A1BA2C6E-80C9-4CB7-9CA4-B4DC97651608}">
      <dgm:prSet/>
      <dgm:spPr/>
      <dgm:t>
        <a:bodyPr/>
        <a:lstStyle/>
        <a:p>
          <a:endParaRPr lang="nl-NL"/>
        </a:p>
      </dgm:t>
    </dgm:pt>
    <dgm:pt modelId="{083C3F90-1678-451F-B0FA-87E22086B6A8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4.	Geen veilige instellingen hardware – standaard wachtwoord camera’s (shodan.io)</a:t>
          </a:r>
          <a:endParaRPr lang="en-US" dirty="0">
            <a:latin typeface="KPN" panose="020B0504010101010104" pitchFamily="34" charset="0"/>
          </a:endParaRPr>
        </a:p>
      </dgm:t>
    </dgm:pt>
    <dgm:pt modelId="{81664692-2A48-459E-976E-66BF4721F03A}" type="parTrans" cxnId="{07E5C1B1-A1FD-4D04-965C-2B6900AEA3AB}">
      <dgm:prSet/>
      <dgm:spPr/>
      <dgm:t>
        <a:bodyPr/>
        <a:lstStyle/>
        <a:p>
          <a:endParaRPr lang="nl-NL"/>
        </a:p>
      </dgm:t>
    </dgm:pt>
    <dgm:pt modelId="{A9849598-7D8F-401A-AAAF-364377A8601C}" type="sibTrans" cxnId="{07E5C1B1-A1FD-4D04-965C-2B6900AEA3AB}">
      <dgm:prSet/>
      <dgm:spPr/>
      <dgm:t>
        <a:bodyPr/>
        <a:lstStyle/>
        <a:p>
          <a:endParaRPr lang="nl-NL"/>
        </a:p>
      </dgm:t>
    </dgm:pt>
    <dgm:pt modelId="{25E6C094-46B6-483B-A8CB-ECFC94770975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5.	Niet goed opletten bij mails/websites – vraag je iedere keer af, klopt dit wel?</a:t>
          </a:r>
          <a:endParaRPr lang="en-US" dirty="0">
            <a:latin typeface="KPN" panose="020B0504010101010104" pitchFamily="34" charset="0"/>
          </a:endParaRPr>
        </a:p>
      </dgm:t>
    </dgm:pt>
    <dgm:pt modelId="{D8821E3C-8645-46B7-9EFB-A1C1DCA63AF1}" type="parTrans" cxnId="{21576BA8-1D11-4A35-8E8D-118B4239100D}">
      <dgm:prSet/>
      <dgm:spPr/>
      <dgm:t>
        <a:bodyPr/>
        <a:lstStyle/>
        <a:p>
          <a:endParaRPr lang="nl-NL"/>
        </a:p>
      </dgm:t>
    </dgm:pt>
    <dgm:pt modelId="{AB281113-B5B4-42B1-B57B-610096B60758}" type="sibTrans" cxnId="{21576BA8-1D11-4A35-8E8D-118B4239100D}">
      <dgm:prSet/>
      <dgm:spPr/>
      <dgm:t>
        <a:bodyPr/>
        <a:lstStyle/>
        <a:p>
          <a:endParaRPr lang="nl-NL"/>
        </a:p>
      </dgm:t>
    </dgm:pt>
    <dgm:pt modelId="{C75E9F57-E0B6-47D0-8B0F-AF4F458162A2}" type="pres">
      <dgm:prSet presAssocID="{41AB039E-9166-4302-B648-528618E0EAF4}" presName="linear" presStyleCnt="0">
        <dgm:presLayoutVars>
          <dgm:animLvl val="lvl"/>
          <dgm:resizeHandles val="exact"/>
        </dgm:presLayoutVars>
      </dgm:prSet>
      <dgm:spPr/>
    </dgm:pt>
    <dgm:pt modelId="{D65CDFB9-4CF3-45D6-80AA-EB6F78BB9946}" type="pres">
      <dgm:prSet presAssocID="{E2769A5B-F995-4457-BDD2-18A952A33137}" presName="parentText" presStyleLbl="node1" presStyleIdx="0" presStyleCnt="5">
        <dgm:presLayoutVars>
          <dgm:chMax val="0"/>
          <dgm:bulletEnabled val="1"/>
        </dgm:presLayoutVars>
      </dgm:prSet>
      <dgm:spPr/>
    </dgm:pt>
    <dgm:pt modelId="{8ABFDEF6-BA0B-4EF4-A34F-E1B4926D4EED}" type="pres">
      <dgm:prSet presAssocID="{0C698021-0C76-4B65-BA3E-BA8B36250FE8}" presName="spacer" presStyleCnt="0"/>
      <dgm:spPr/>
    </dgm:pt>
    <dgm:pt modelId="{718B5262-9B8F-4226-8C77-9E6B7448BD21}" type="pres">
      <dgm:prSet presAssocID="{07DE5F91-69C3-4863-9878-F774C66D1A5C}" presName="parentText" presStyleLbl="node1" presStyleIdx="1" presStyleCnt="5">
        <dgm:presLayoutVars>
          <dgm:chMax val="0"/>
          <dgm:bulletEnabled val="1"/>
        </dgm:presLayoutVars>
      </dgm:prSet>
      <dgm:spPr/>
    </dgm:pt>
    <dgm:pt modelId="{01ED5F33-FB12-49EA-8202-4D4B55B0C60E}" type="pres">
      <dgm:prSet presAssocID="{06163FF6-5373-4C4D-9FF7-D02C13E6D9AD}" presName="spacer" presStyleCnt="0"/>
      <dgm:spPr/>
    </dgm:pt>
    <dgm:pt modelId="{A9B31EB8-AC53-48BD-B9B5-B45326BE1530}" type="pres">
      <dgm:prSet presAssocID="{CC4729B3-2422-473D-BA56-BEE7C7A9694F}" presName="parentText" presStyleLbl="node1" presStyleIdx="2" presStyleCnt="5">
        <dgm:presLayoutVars>
          <dgm:chMax val="0"/>
          <dgm:bulletEnabled val="1"/>
        </dgm:presLayoutVars>
      </dgm:prSet>
      <dgm:spPr/>
    </dgm:pt>
    <dgm:pt modelId="{CED2473E-95C6-4611-A812-7363CE1C493B}" type="pres">
      <dgm:prSet presAssocID="{FD30972F-5E08-4633-AE67-0428DF9490E1}" presName="spacer" presStyleCnt="0"/>
      <dgm:spPr/>
    </dgm:pt>
    <dgm:pt modelId="{401998E8-5635-4778-913F-CB90CB1D057E}" type="pres">
      <dgm:prSet presAssocID="{083C3F90-1678-451F-B0FA-87E22086B6A8}" presName="parentText" presStyleLbl="node1" presStyleIdx="3" presStyleCnt="5">
        <dgm:presLayoutVars>
          <dgm:chMax val="0"/>
          <dgm:bulletEnabled val="1"/>
        </dgm:presLayoutVars>
      </dgm:prSet>
      <dgm:spPr/>
    </dgm:pt>
    <dgm:pt modelId="{4C4BBE1D-FA57-4DDB-A27A-FCFD8A64E4C5}" type="pres">
      <dgm:prSet presAssocID="{A9849598-7D8F-401A-AAAF-364377A8601C}" presName="spacer" presStyleCnt="0"/>
      <dgm:spPr/>
    </dgm:pt>
    <dgm:pt modelId="{60193F32-6DFE-48D5-BD1C-E09FB196F5FA}" type="pres">
      <dgm:prSet presAssocID="{25E6C094-46B6-483B-A8CB-ECFC94770975}" presName="parentText" presStyleLbl="node1" presStyleIdx="4" presStyleCnt="5">
        <dgm:presLayoutVars>
          <dgm:chMax val="0"/>
          <dgm:bulletEnabled val="1"/>
        </dgm:presLayoutVars>
      </dgm:prSet>
      <dgm:spPr/>
    </dgm:pt>
  </dgm:ptLst>
  <dgm:cxnLst>
    <dgm:cxn modelId="{8896D505-2536-40EB-B0E8-4F6BBEE8AE0E}" srcId="{41AB039E-9166-4302-B648-528618E0EAF4}" destId="{07DE5F91-69C3-4863-9878-F774C66D1A5C}" srcOrd="1" destOrd="0" parTransId="{9E636DE5-CB7C-41ED-ACE2-50AB63455ECB}" sibTransId="{06163FF6-5373-4C4D-9FF7-D02C13E6D9AD}"/>
    <dgm:cxn modelId="{32B89B28-CCE3-4C7F-9169-5CF81B505CA2}" type="presOf" srcId="{CC4729B3-2422-473D-BA56-BEE7C7A9694F}" destId="{A9B31EB8-AC53-48BD-B9B5-B45326BE1530}" srcOrd="0" destOrd="0" presId="urn:microsoft.com/office/officeart/2005/8/layout/vList2"/>
    <dgm:cxn modelId="{45C1503A-A0D0-4B66-9F73-40A2B014E0EE}" type="presOf" srcId="{25E6C094-46B6-483B-A8CB-ECFC94770975}" destId="{60193F32-6DFE-48D5-BD1C-E09FB196F5FA}" srcOrd="0" destOrd="0" presId="urn:microsoft.com/office/officeart/2005/8/layout/vList2"/>
    <dgm:cxn modelId="{A1BA2C6E-80C9-4CB7-9CA4-B4DC97651608}" srcId="{41AB039E-9166-4302-B648-528618E0EAF4}" destId="{CC4729B3-2422-473D-BA56-BEE7C7A9694F}" srcOrd="2" destOrd="0" parTransId="{F0809ABF-A514-4B2E-8FCC-CE2DCBAB7630}" sibTransId="{FD30972F-5E08-4633-AE67-0428DF9490E1}"/>
    <dgm:cxn modelId="{6024894E-4A24-4F50-BE72-6642A7AD9F44}" type="presOf" srcId="{E2769A5B-F995-4457-BDD2-18A952A33137}" destId="{D65CDFB9-4CF3-45D6-80AA-EB6F78BB9946}" srcOrd="0" destOrd="0" presId="urn:microsoft.com/office/officeart/2005/8/layout/vList2"/>
    <dgm:cxn modelId="{B68B4958-C3C7-476C-A80A-005E881D910C}" type="presOf" srcId="{083C3F90-1678-451F-B0FA-87E22086B6A8}" destId="{401998E8-5635-4778-913F-CB90CB1D057E}" srcOrd="0" destOrd="0" presId="urn:microsoft.com/office/officeart/2005/8/layout/vList2"/>
    <dgm:cxn modelId="{21576BA8-1D11-4A35-8E8D-118B4239100D}" srcId="{41AB039E-9166-4302-B648-528618E0EAF4}" destId="{25E6C094-46B6-483B-A8CB-ECFC94770975}" srcOrd="4" destOrd="0" parTransId="{D8821E3C-8645-46B7-9EFB-A1C1DCA63AF1}" sibTransId="{AB281113-B5B4-42B1-B57B-610096B60758}"/>
    <dgm:cxn modelId="{07E5C1B1-A1FD-4D04-965C-2B6900AEA3AB}" srcId="{41AB039E-9166-4302-B648-528618E0EAF4}" destId="{083C3F90-1678-451F-B0FA-87E22086B6A8}" srcOrd="3" destOrd="0" parTransId="{81664692-2A48-459E-976E-66BF4721F03A}" sibTransId="{A9849598-7D8F-401A-AAAF-364377A8601C}"/>
    <dgm:cxn modelId="{4ACB62CB-4808-47AC-87E8-07D52807F1C3}" srcId="{41AB039E-9166-4302-B648-528618E0EAF4}" destId="{E2769A5B-F995-4457-BDD2-18A952A33137}" srcOrd="0" destOrd="0" parTransId="{E5E66D55-A319-4399-A1F1-89401F5EE054}" sibTransId="{0C698021-0C76-4B65-BA3E-BA8B36250FE8}"/>
    <dgm:cxn modelId="{C9CCA7DE-15FB-4A4B-ADDB-1315CB425BDC}" type="presOf" srcId="{07DE5F91-69C3-4863-9878-F774C66D1A5C}" destId="{718B5262-9B8F-4226-8C77-9E6B7448BD21}" srcOrd="0" destOrd="0" presId="urn:microsoft.com/office/officeart/2005/8/layout/vList2"/>
    <dgm:cxn modelId="{C9ECD5ED-D047-4BAF-B5EB-884656E1CD64}" type="presOf" srcId="{41AB039E-9166-4302-B648-528618E0EAF4}" destId="{C75E9F57-E0B6-47D0-8B0F-AF4F458162A2}" srcOrd="0" destOrd="0" presId="urn:microsoft.com/office/officeart/2005/8/layout/vList2"/>
    <dgm:cxn modelId="{00733F7D-DD1A-4EC5-B7C3-1DFBFEEBAC58}" type="presParOf" srcId="{C75E9F57-E0B6-47D0-8B0F-AF4F458162A2}" destId="{D65CDFB9-4CF3-45D6-80AA-EB6F78BB9946}" srcOrd="0" destOrd="0" presId="urn:microsoft.com/office/officeart/2005/8/layout/vList2"/>
    <dgm:cxn modelId="{70A4EC4D-A4FD-4960-B6B8-F639CEC9165E}" type="presParOf" srcId="{C75E9F57-E0B6-47D0-8B0F-AF4F458162A2}" destId="{8ABFDEF6-BA0B-4EF4-A34F-E1B4926D4EED}" srcOrd="1" destOrd="0" presId="urn:microsoft.com/office/officeart/2005/8/layout/vList2"/>
    <dgm:cxn modelId="{147F5D68-39FB-430E-BF49-3633A1013FB0}" type="presParOf" srcId="{C75E9F57-E0B6-47D0-8B0F-AF4F458162A2}" destId="{718B5262-9B8F-4226-8C77-9E6B7448BD21}" srcOrd="2" destOrd="0" presId="urn:microsoft.com/office/officeart/2005/8/layout/vList2"/>
    <dgm:cxn modelId="{3F052822-F0EE-4DB1-87EA-BD2CB4C688FD}" type="presParOf" srcId="{C75E9F57-E0B6-47D0-8B0F-AF4F458162A2}" destId="{01ED5F33-FB12-49EA-8202-4D4B55B0C60E}" srcOrd="3" destOrd="0" presId="urn:microsoft.com/office/officeart/2005/8/layout/vList2"/>
    <dgm:cxn modelId="{E3EB12C2-2953-4F5C-88D9-E476A0BBD9E4}" type="presParOf" srcId="{C75E9F57-E0B6-47D0-8B0F-AF4F458162A2}" destId="{A9B31EB8-AC53-48BD-B9B5-B45326BE1530}" srcOrd="4" destOrd="0" presId="urn:microsoft.com/office/officeart/2005/8/layout/vList2"/>
    <dgm:cxn modelId="{BAE3C882-D318-4C1C-8BAE-778F58B594D9}" type="presParOf" srcId="{C75E9F57-E0B6-47D0-8B0F-AF4F458162A2}" destId="{CED2473E-95C6-4611-A812-7363CE1C493B}" srcOrd="5" destOrd="0" presId="urn:microsoft.com/office/officeart/2005/8/layout/vList2"/>
    <dgm:cxn modelId="{EFFA844E-C3DE-403D-9313-222B130CE37F}" type="presParOf" srcId="{C75E9F57-E0B6-47D0-8B0F-AF4F458162A2}" destId="{401998E8-5635-4778-913F-CB90CB1D057E}" srcOrd="6" destOrd="0" presId="urn:microsoft.com/office/officeart/2005/8/layout/vList2"/>
    <dgm:cxn modelId="{4CAFBDB0-12F7-411A-8492-60F37F79690C}" type="presParOf" srcId="{C75E9F57-E0B6-47D0-8B0F-AF4F458162A2}" destId="{4C4BBE1D-FA57-4DDB-A27A-FCFD8A64E4C5}" srcOrd="7" destOrd="0" presId="urn:microsoft.com/office/officeart/2005/8/layout/vList2"/>
    <dgm:cxn modelId="{E0F33F1B-2A57-4B76-A584-7604F6A36363}" type="presParOf" srcId="{C75E9F57-E0B6-47D0-8B0F-AF4F458162A2}" destId="{60193F32-6DFE-48D5-BD1C-E09FB196F5FA}" srcOrd="8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41AB039E-9166-4302-B648-528618E0EAF4}" type="doc">
      <dgm:prSet loTypeId="urn:microsoft.com/office/officeart/2005/8/layout/vList2" loCatId="list" qsTypeId="urn:microsoft.com/office/officeart/2005/8/quickstyle/simple5" qsCatId="simple" csTypeId="urn:microsoft.com/office/officeart/2005/8/colors/accent3_2" csCatId="accent3" phldr="1"/>
      <dgm:spPr/>
      <dgm:t>
        <a:bodyPr/>
        <a:lstStyle/>
        <a:p>
          <a:endParaRPr lang="en-US"/>
        </a:p>
      </dgm:t>
    </dgm:pt>
    <dgm:pt modelId="{6DCEFFA0-03DD-487B-B194-E3191FD4CFE5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6.	Geen 2FA – in het begin vervelend, maar de beste oplossing voor account </a:t>
          </a:r>
          <a:r>
            <a:rPr lang="nl-NL" dirty="0" err="1">
              <a:latin typeface="KPN" panose="020B0504010101010104" pitchFamily="34" charset="0"/>
            </a:rPr>
            <a:t>takeover</a:t>
          </a:r>
          <a:endParaRPr lang="en-US" dirty="0">
            <a:latin typeface="KPN" panose="020B0504010101010104" pitchFamily="34" charset="0"/>
          </a:endParaRPr>
        </a:p>
      </dgm:t>
    </dgm:pt>
    <dgm:pt modelId="{E4FCC177-7CAB-4577-AADC-A180DED0A407}" type="parTrans" cxnId="{75980DF8-7A6A-4FC4-9F26-A732ADD02471}">
      <dgm:prSet/>
      <dgm:spPr/>
      <dgm:t>
        <a:bodyPr/>
        <a:lstStyle/>
        <a:p>
          <a:endParaRPr lang="nl-NL"/>
        </a:p>
      </dgm:t>
    </dgm:pt>
    <dgm:pt modelId="{6093B594-C903-4C41-B8EC-B1F63EE55134}" type="sibTrans" cxnId="{75980DF8-7A6A-4FC4-9F26-A732ADD02471}">
      <dgm:prSet/>
      <dgm:spPr/>
      <dgm:t>
        <a:bodyPr/>
        <a:lstStyle/>
        <a:p>
          <a:endParaRPr lang="nl-NL"/>
        </a:p>
      </dgm:t>
    </dgm:pt>
    <dgm:pt modelId="{F241CCCF-A00C-45B6-B1F3-70202F3C6B40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7.	Geen goede rechtenstructuur – Niet iedereen heeft alle toegang nodig</a:t>
          </a:r>
          <a:endParaRPr lang="en-US" dirty="0">
            <a:latin typeface="KPN" panose="020B0504010101010104" pitchFamily="34" charset="0"/>
          </a:endParaRPr>
        </a:p>
      </dgm:t>
    </dgm:pt>
    <dgm:pt modelId="{5246B4D7-A29A-4ADA-862D-3CCB62910E8A}" type="parTrans" cxnId="{C12B76C8-CB25-4F99-BBC1-D930B84C2D06}">
      <dgm:prSet/>
      <dgm:spPr/>
      <dgm:t>
        <a:bodyPr/>
        <a:lstStyle/>
        <a:p>
          <a:endParaRPr lang="nl-NL"/>
        </a:p>
      </dgm:t>
    </dgm:pt>
    <dgm:pt modelId="{78F5FB00-23F7-47E3-841C-646D123A8FF2}" type="sibTrans" cxnId="{C12B76C8-CB25-4F99-BBC1-D930B84C2D06}">
      <dgm:prSet/>
      <dgm:spPr/>
      <dgm:t>
        <a:bodyPr/>
        <a:lstStyle/>
        <a:p>
          <a:endParaRPr lang="nl-NL"/>
        </a:p>
      </dgm:t>
    </dgm:pt>
    <dgm:pt modelId="{70D70225-0AA7-4DE0-B6CB-D064775F0676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8.	Gebruik maken van openbare wifi – Is het wel veilig? 4G/5G is veiliger</a:t>
          </a:r>
          <a:endParaRPr lang="en-US" dirty="0">
            <a:latin typeface="KPN" panose="020B0504010101010104" pitchFamily="34" charset="0"/>
          </a:endParaRPr>
        </a:p>
      </dgm:t>
    </dgm:pt>
    <dgm:pt modelId="{90F5C026-3A7A-4A2B-A6A5-7A77E7AAF7C3}" type="parTrans" cxnId="{851B1C4B-B045-46ED-AEC9-0077534CBF8E}">
      <dgm:prSet/>
      <dgm:spPr/>
      <dgm:t>
        <a:bodyPr/>
        <a:lstStyle/>
        <a:p>
          <a:endParaRPr lang="nl-NL"/>
        </a:p>
      </dgm:t>
    </dgm:pt>
    <dgm:pt modelId="{D2D3AA15-3106-4767-8CAA-370A87AC3F7F}" type="sibTrans" cxnId="{851B1C4B-B045-46ED-AEC9-0077534CBF8E}">
      <dgm:prSet/>
      <dgm:spPr/>
      <dgm:t>
        <a:bodyPr/>
        <a:lstStyle/>
        <a:p>
          <a:endParaRPr lang="nl-NL"/>
        </a:p>
      </dgm:t>
    </dgm:pt>
    <dgm:pt modelId="{8B424F70-6012-4C69-ADD0-50159AD1836B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9.	Geen afspraken over dataveiligheid – Data versturen via de mail enz.</a:t>
          </a:r>
          <a:endParaRPr lang="en-US" dirty="0">
            <a:latin typeface="KPN" panose="020B0504010101010104" pitchFamily="34" charset="0"/>
          </a:endParaRPr>
        </a:p>
      </dgm:t>
    </dgm:pt>
    <dgm:pt modelId="{2FECEEB7-669B-46FA-9C9A-F552BAB941D6}" type="parTrans" cxnId="{33DC6A9B-353F-4518-BA7D-6F674A33FE09}">
      <dgm:prSet/>
      <dgm:spPr/>
      <dgm:t>
        <a:bodyPr/>
        <a:lstStyle/>
        <a:p>
          <a:endParaRPr lang="nl-NL"/>
        </a:p>
      </dgm:t>
    </dgm:pt>
    <dgm:pt modelId="{CFC754D6-B8C8-436D-834B-B752534ED9CD}" type="sibTrans" cxnId="{33DC6A9B-353F-4518-BA7D-6F674A33FE09}">
      <dgm:prSet/>
      <dgm:spPr/>
      <dgm:t>
        <a:bodyPr/>
        <a:lstStyle/>
        <a:p>
          <a:endParaRPr lang="nl-NL"/>
        </a:p>
      </dgm:t>
    </dgm:pt>
    <dgm:pt modelId="{A57E1749-9A60-406B-8695-40383857A920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10.	Ongetraind personeel – Deze sessie is een goede stap, maar blijf ook bij!</a:t>
          </a:r>
          <a:endParaRPr lang="en-US" dirty="0">
            <a:latin typeface="KPN" panose="020B0504010101010104" pitchFamily="34" charset="0"/>
          </a:endParaRPr>
        </a:p>
      </dgm:t>
    </dgm:pt>
    <dgm:pt modelId="{03518A05-ADEA-4EC5-92A7-1782D89337C2}" type="parTrans" cxnId="{E2A2000C-FC5F-438A-BEBA-787A1B66D2F5}">
      <dgm:prSet/>
      <dgm:spPr/>
      <dgm:t>
        <a:bodyPr/>
        <a:lstStyle/>
        <a:p>
          <a:endParaRPr lang="nl-NL"/>
        </a:p>
      </dgm:t>
    </dgm:pt>
    <dgm:pt modelId="{A4E1E878-945D-4EC9-AB38-F5B337943D7D}" type="sibTrans" cxnId="{E2A2000C-FC5F-438A-BEBA-787A1B66D2F5}">
      <dgm:prSet/>
      <dgm:spPr/>
      <dgm:t>
        <a:bodyPr/>
        <a:lstStyle/>
        <a:p>
          <a:endParaRPr lang="nl-NL"/>
        </a:p>
      </dgm:t>
    </dgm:pt>
    <dgm:pt modelId="{C75E9F57-E0B6-47D0-8B0F-AF4F458162A2}" type="pres">
      <dgm:prSet presAssocID="{41AB039E-9166-4302-B648-528618E0EAF4}" presName="linear" presStyleCnt="0">
        <dgm:presLayoutVars>
          <dgm:animLvl val="lvl"/>
          <dgm:resizeHandles val="exact"/>
        </dgm:presLayoutVars>
      </dgm:prSet>
      <dgm:spPr/>
    </dgm:pt>
    <dgm:pt modelId="{871A3CE2-116A-427D-9ED8-464560ED01EA}" type="pres">
      <dgm:prSet presAssocID="{6DCEFFA0-03DD-487B-B194-E3191FD4CFE5}" presName="parentText" presStyleLbl="node1" presStyleIdx="0" presStyleCnt="5">
        <dgm:presLayoutVars>
          <dgm:chMax val="0"/>
          <dgm:bulletEnabled val="1"/>
        </dgm:presLayoutVars>
      </dgm:prSet>
      <dgm:spPr/>
    </dgm:pt>
    <dgm:pt modelId="{08AB8A64-0B6D-4A5A-AF05-8CBF0F6638AC}" type="pres">
      <dgm:prSet presAssocID="{6093B594-C903-4C41-B8EC-B1F63EE55134}" presName="spacer" presStyleCnt="0"/>
      <dgm:spPr/>
    </dgm:pt>
    <dgm:pt modelId="{9B57BBCF-7421-4FA9-A716-FA539F4D712F}" type="pres">
      <dgm:prSet presAssocID="{F241CCCF-A00C-45B6-B1F3-70202F3C6B40}" presName="parentText" presStyleLbl="node1" presStyleIdx="1" presStyleCnt="5">
        <dgm:presLayoutVars>
          <dgm:chMax val="0"/>
          <dgm:bulletEnabled val="1"/>
        </dgm:presLayoutVars>
      </dgm:prSet>
      <dgm:spPr/>
    </dgm:pt>
    <dgm:pt modelId="{1E367FAE-EBFA-483B-AABC-A85EEB1A235A}" type="pres">
      <dgm:prSet presAssocID="{78F5FB00-23F7-47E3-841C-646D123A8FF2}" presName="spacer" presStyleCnt="0"/>
      <dgm:spPr/>
    </dgm:pt>
    <dgm:pt modelId="{E6A27886-1BF2-4C8D-9D06-1A31C822426B}" type="pres">
      <dgm:prSet presAssocID="{70D70225-0AA7-4DE0-B6CB-D064775F0676}" presName="parentText" presStyleLbl="node1" presStyleIdx="2" presStyleCnt="5">
        <dgm:presLayoutVars>
          <dgm:chMax val="0"/>
          <dgm:bulletEnabled val="1"/>
        </dgm:presLayoutVars>
      </dgm:prSet>
      <dgm:spPr/>
    </dgm:pt>
    <dgm:pt modelId="{67CF4777-43C4-41C6-A809-E2DC9DE15772}" type="pres">
      <dgm:prSet presAssocID="{D2D3AA15-3106-4767-8CAA-370A87AC3F7F}" presName="spacer" presStyleCnt="0"/>
      <dgm:spPr/>
    </dgm:pt>
    <dgm:pt modelId="{7ED32267-992D-492D-B32D-7654F81B6742}" type="pres">
      <dgm:prSet presAssocID="{8B424F70-6012-4C69-ADD0-50159AD1836B}" presName="parentText" presStyleLbl="node1" presStyleIdx="3" presStyleCnt="5">
        <dgm:presLayoutVars>
          <dgm:chMax val="0"/>
          <dgm:bulletEnabled val="1"/>
        </dgm:presLayoutVars>
      </dgm:prSet>
      <dgm:spPr/>
    </dgm:pt>
    <dgm:pt modelId="{5B60EAD5-038D-43FE-BF8D-C1F171221C2A}" type="pres">
      <dgm:prSet presAssocID="{CFC754D6-B8C8-436D-834B-B752534ED9CD}" presName="spacer" presStyleCnt="0"/>
      <dgm:spPr/>
    </dgm:pt>
    <dgm:pt modelId="{CD96BB36-1E68-44B6-BCC6-845F8E893D5A}" type="pres">
      <dgm:prSet presAssocID="{A57E1749-9A60-406B-8695-40383857A920}" presName="parentText" presStyleLbl="node1" presStyleIdx="4" presStyleCnt="5">
        <dgm:presLayoutVars>
          <dgm:chMax val="0"/>
          <dgm:bulletEnabled val="1"/>
        </dgm:presLayoutVars>
      </dgm:prSet>
      <dgm:spPr/>
    </dgm:pt>
  </dgm:ptLst>
  <dgm:cxnLst>
    <dgm:cxn modelId="{E2A2000C-FC5F-438A-BEBA-787A1B66D2F5}" srcId="{41AB039E-9166-4302-B648-528618E0EAF4}" destId="{A57E1749-9A60-406B-8695-40383857A920}" srcOrd="4" destOrd="0" parTransId="{03518A05-ADEA-4EC5-92A7-1782D89337C2}" sibTransId="{A4E1E878-945D-4EC9-AB38-F5B337943D7D}"/>
    <dgm:cxn modelId="{851B1C4B-B045-46ED-AEC9-0077534CBF8E}" srcId="{41AB039E-9166-4302-B648-528618E0EAF4}" destId="{70D70225-0AA7-4DE0-B6CB-D064775F0676}" srcOrd="2" destOrd="0" parTransId="{90F5C026-3A7A-4A2B-A6A5-7A77E7AAF7C3}" sibTransId="{D2D3AA15-3106-4767-8CAA-370A87AC3F7F}"/>
    <dgm:cxn modelId="{0319EE71-B33E-4851-8C9D-4A89A959950C}" type="presOf" srcId="{70D70225-0AA7-4DE0-B6CB-D064775F0676}" destId="{E6A27886-1BF2-4C8D-9D06-1A31C822426B}" srcOrd="0" destOrd="0" presId="urn:microsoft.com/office/officeart/2005/8/layout/vList2"/>
    <dgm:cxn modelId="{F7A39B72-A4E3-4FE2-AF31-7709C6F6A3AD}" type="presOf" srcId="{6DCEFFA0-03DD-487B-B194-E3191FD4CFE5}" destId="{871A3CE2-116A-427D-9ED8-464560ED01EA}" srcOrd="0" destOrd="0" presId="urn:microsoft.com/office/officeart/2005/8/layout/vList2"/>
    <dgm:cxn modelId="{33DC6A9B-353F-4518-BA7D-6F674A33FE09}" srcId="{41AB039E-9166-4302-B648-528618E0EAF4}" destId="{8B424F70-6012-4C69-ADD0-50159AD1836B}" srcOrd="3" destOrd="0" parTransId="{2FECEEB7-669B-46FA-9C9A-F552BAB941D6}" sibTransId="{CFC754D6-B8C8-436D-834B-B752534ED9CD}"/>
    <dgm:cxn modelId="{5E3001AE-6179-43BE-B6F4-1975879C7F1C}" type="presOf" srcId="{F241CCCF-A00C-45B6-B1F3-70202F3C6B40}" destId="{9B57BBCF-7421-4FA9-A716-FA539F4D712F}" srcOrd="0" destOrd="0" presId="urn:microsoft.com/office/officeart/2005/8/layout/vList2"/>
    <dgm:cxn modelId="{C12B76C8-CB25-4F99-BBC1-D930B84C2D06}" srcId="{41AB039E-9166-4302-B648-528618E0EAF4}" destId="{F241CCCF-A00C-45B6-B1F3-70202F3C6B40}" srcOrd="1" destOrd="0" parTransId="{5246B4D7-A29A-4ADA-862D-3CCB62910E8A}" sibTransId="{78F5FB00-23F7-47E3-841C-646D123A8FF2}"/>
    <dgm:cxn modelId="{CBF160CB-7DAC-41CB-9E04-DB5905200E28}" type="presOf" srcId="{A57E1749-9A60-406B-8695-40383857A920}" destId="{CD96BB36-1E68-44B6-BCC6-845F8E893D5A}" srcOrd="0" destOrd="0" presId="urn:microsoft.com/office/officeart/2005/8/layout/vList2"/>
    <dgm:cxn modelId="{AE9BB9CC-E295-415D-88A0-3FD771AD4124}" type="presOf" srcId="{8B424F70-6012-4C69-ADD0-50159AD1836B}" destId="{7ED32267-992D-492D-B32D-7654F81B6742}" srcOrd="0" destOrd="0" presId="urn:microsoft.com/office/officeart/2005/8/layout/vList2"/>
    <dgm:cxn modelId="{C9ECD5ED-D047-4BAF-B5EB-884656E1CD64}" type="presOf" srcId="{41AB039E-9166-4302-B648-528618E0EAF4}" destId="{C75E9F57-E0B6-47D0-8B0F-AF4F458162A2}" srcOrd="0" destOrd="0" presId="urn:microsoft.com/office/officeart/2005/8/layout/vList2"/>
    <dgm:cxn modelId="{75980DF8-7A6A-4FC4-9F26-A732ADD02471}" srcId="{41AB039E-9166-4302-B648-528618E0EAF4}" destId="{6DCEFFA0-03DD-487B-B194-E3191FD4CFE5}" srcOrd="0" destOrd="0" parTransId="{E4FCC177-7CAB-4577-AADC-A180DED0A407}" sibTransId="{6093B594-C903-4C41-B8EC-B1F63EE55134}"/>
    <dgm:cxn modelId="{C19F15B0-4A28-4CDC-826A-8035EA3A6901}" type="presParOf" srcId="{C75E9F57-E0B6-47D0-8B0F-AF4F458162A2}" destId="{871A3CE2-116A-427D-9ED8-464560ED01EA}" srcOrd="0" destOrd="0" presId="urn:microsoft.com/office/officeart/2005/8/layout/vList2"/>
    <dgm:cxn modelId="{F5C7179C-90E6-4250-A226-885DFC14FADB}" type="presParOf" srcId="{C75E9F57-E0B6-47D0-8B0F-AF4F458162A2}" destId="{08AB8A64-0B6D-4A5A-AF05-8CBF0F6638AC}" srcOrd="1" destOrd="0" presId="urn:microsoft.com/office/officeart/2005/8/layout/vList2"/>
    <dgm:cxn modelId="{C7469469-DA3F-47B4-A3F0-A9F5AEF62C1D}" type="presParOf" srcId="{C75E9F57-E0B6-47D0-8B0F-AF4F458162A2}" destId="{9B57BBCF-7421-4FA9-A716-FA539F4D712F}" srcOrd="2" destOrd="0" presId="urn:microsoft.com/office/officeart/2005/8/layout/vList2"/>
    <dgm:cxn modelId="{ECCE4A61-88E7-4D75-9AFF-8A2241BAD83C}" type="presParOf" srcId="{C75E9F57-E0B6-47D0-8B0F-AF4F458162A2}" destId="{1E367FAE-EBFA-483B-AABC-A85EEB1A235A}" srcOrd="3" destOrd="0" presId="urn:microsoft.com/office/officeart/2005/8/layout/vList2"/>
    <dgm:cxn modelId="{8DE3ACBE-8C40-4584-A211-4CE57A4E7394}" type="presParOf" srcId="{C75E9F57-E0B6-47D0-8B0F-AF4F458162A2}" destId="{E6A27886-1BF2-4C8D-9D06-1A31C822426B}" srcOrd="4" destOrd="0" presId="urn:microsoft.com/office/officeart/2005/8/layout/vList2"/>
    <dgm:cxn modelId="{DDBDB9A3-0E18-43FE-8FD9-459E32706125}" type="presParOf" srcId="{C75E9F57-E0B6-47D0-8B0F-AF4F458162A2}" destId="{67CF4777-43C4-41C6-A809-E2DC9DE15772}" srcOrd="5" destOrd="0" presId="urn:microsoft.com/office/officeart/2005/8/layout/vList2"/>
    <dgm:cxn modelId="{A90AE151-7695-486B-A50B-D43439A7A95A}" type="presParOf" srcId="{C75E9F57-E0B6-47D0-8B0F-AF4F458162A2}" destId="{7ED32267-992D-492D-B32D-7654F81B6742}" srcOrd="6" destOrd="0" presId="urn:microsoft.com/office/officeart/2005/8/layout/vList2"/>
    <dgm:cxn modelId="{01BD5EE9-503B-482A-9167-14E68D37B648}" type="presParOf" srcId="{C75E9F57-E0B6-47D0-8B0F-AF4F458162A2}" destId="{5B60EAD5-038D-43FE-BF8D-C1F171221C2A}" srcOrd="7" destOrd="0" presId="urn:microsoft.com/office/officeart/2005/8/layout/vList2"/>
    <dgm:cxn modelId="{BB354F86-8B0C-496E-A5C9-D0A6D91951E6}" type="presParOf" srcId="{C75E9F57-E0B6-47D0-8B0F-AF4F458162A2}" destId="{CD96BB36-1E68-44B6-BCC6-845F8E893D5A}" srcOrd="8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41AB039E-9166-4302-B648-528618E0EAF4}" type="doc">
      <dgm:prSet loTypeId="urn:microsoft.com/office/officeart/2005/8/layout/vList2" loCatId="list" qsTypeId="urn:microsoft.com/office/officeart/2005/8/quickstyle/simple5" qsCatId="simple" csTypeId="urn:microsoft.com/office/officeart/2005/8/colors/accent3_2" csCatId="accent3"/>
      <dgm:spPr/>
      <dgm:t>
        <a:bodyPr/>
        <a:lstStyle/>
        <a:p>
          <a:endParaRPr lang="en-US"/>
        </a:p>
      </dgm:t>
    </dgm:pt>
    <dgm:pt modelId="{9A6030C5-B7F2-4609-84AA-7CFBE6963981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11.	Regelmatig testen – werken alle processen en procedures nog</a:t>
          </a:r>
          <a:endParaRPr lang="en-US" dirty="0">
            <a:latin typeface="KPN" panose="020B0504010101010104" pitchFamily="34" charset="0"/>
          </a:endParaRPr>
        </a:p>
      </dgm:t>
    </dgm:pt>
    <dgm:pt modelId="{713096FE-1479-483C-9E7E-E810C8F494DA}" type="parTrans" cxnId="{77F9306D-C4E6-4685-8F58-04DC23FF3819}">
      <dgm:prSet/>
      <dgm:spPr/>
      <dgm:t>
        <a:bodyPr/>
        <a:lstStyle/>
        <a:p>
          <a:endParaRPr lang="en-US"/>
        </a:p>
      </dgm:t>
    </dgm:pt>
    <dgm:pt modelId="{07BEA33D-3859-4B8A-AD6A-1D6D1DAEAA9B}" type="sibTrans" cxnId="{77F9306D-C4E6-4685-8F58-04DC23FF3819}">
      <dgm:prSet/>
      <dgm:spPr/>
      <dgm:t>
        <a:bodyPr/>
        <a:lstStyle/>
        <a:p>
          <a:endParaRPr lang="en-US"/>
        </a:p>
      </dgm:t>
    </dgm:pt>
    <dgm:pt modelId="{C55E59D2-886B-4E6C-ACFD-2332657C61C7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12.	Ongefilterde email – Een email filter houd veel ellende tegen</a:t>
          </a:r>
          <a:endParaRPr lang="en-US" dirty="0">
            <a:latin typeface="KPN" panose="020B0504010101010104" pitchFamily="34" charset="0"/>
          </a:endParaRPr>
        </a:p>
      </dgm:t>
    </dgm:pt>
    <dgm:pt modelId="{BF67FDCB-DC1C-4580-8BB4-660971FEFE1D}" type="parTrans" cxnId="{EEA1CCBF-64AA-4D27-ACC1-6FC90A417E0D}">
      <dgm:prSet/>
      <dgm:spPr/>
      <dgm:t>
        <a:bodyPr/>
        <a:lstStyle/>
        <a:p>
          <a:endParaRPr lang="en-US"/>
        </a:p>
      </dgm:t>
    </dgm:pt>
    <dgm:pt modelId="{283B8C39-A16D-4632-A049-54B903FC03A2}" type="sibTrans" cxnId="{EEA1CCBF-64AA-4D27-ACC1-6FC90A417E0D}">
      <dgm:prSet/>
      <dgm:spPr/>
      <dgm:t>
        <a:bodyPr/>
        <a:lstStyle/>
        <a:p>
          <a:endParaRPr lang="en-US"/>
        </a:p>
      </dgm:t>
    </dgm:pt>
    <dgm:pt modelId="{E6245CAF-287F-4346-87FC-D3D128E9235C}">
      <dgm:prSet/>
      <dgm:spPr/>
      <dgm:t>
        <a:bodyPr/>
        <a:lstStyle/>
        <a:p>
          <a:r>
            <a:rPr lang="nl-NL" dirty="0">
              <a:latin typeface="KPN" panose="020B0504010101010104" pitchFamily="34" charset="0"/>
            </a:rPr>
            <a:t>13.	Geen </a:t>
          </a:r>
          <a:r>
            <a:rPr lang="nl-NL" dirty="0" err="1">
              <a:latin typeface="KPN" panose="020B0504010101010104" pitchFamily="34" charset="0"/>
            </a:rPr>
            <a:t>backup</a:t>
          </a:r>
          <a:r>
            <a:rPr lang="nl-NL" dirty="0">
              <a:latin typeface="KPN" panose="020B0504010101010104" pitchFamily="34" charset="0"/>
            </a:rPr>
            <a:t> – Maar weet wel wat van jou is en </a:t>
          </a:r>
          <a:endParaRPr lang="en-US" dirty="0">
            <a:latin typeface="KPN" panose="020B0504010101010104" pitchFamily="34" charset="0"/>
          </a:endParaRPr>
        </a:p>
      </dgm:t>
    </dgm:pt>
    <dgm:pt modelId="{E18EF7CC-B279-49ED-8155-5D1753A3744F}" type="parTrans" cxnId="{88C994F0-5D3D-4FAA-8CDA-945B91936C3D}">
      <dgm:prSet/>
      <dgm:spPr/>
      <dgm:t>
        <a:bodyPr/>
        <a:lstStyle/>
        <a:p>
          <a:endParaRPr lang="en-US"/>
        </a:p>
      </dgm:t>
    </dgm:pt>
    <dgm:pt modelId="{DB294BD6-39AE-4A2A-B88F-EE4EEC289F46}" type="sibTrans" cxnId="{88C994F0-5D3D-4FAA-8CDA-945B91936C3D}">
      <dgm:prSet/>
      <dgm:spPr/>
      <dgm:t>
        <a:bodyPr/>
        <a:lstStyle/>
        <a:p>
          <a:endParaRPr lang="en-US"/>
        </a:p>
      </dgm:t>
    </dgm:pt>
    <dgm:pt modelId="{360C4F84-B797-4C3C-BC09-79C108F466B6}">
      <dgm:prSet/>
      <dgm:spPr/>
      <dgm:t>
        <a:bodyPr/>
        <a:lstStyle/>
        <a:p>
          <a:r>
            <a:rPr lang="nl-NL">
              <a:latin typeface="KPN" panose="020B0504010101010104" pitchFamily="34" charset="0"/>
            </a:rPr>
            <a:t>14.	Onveilige mobiele apparaten – geen rare apps, jailbreak etc op een zakelijke telefoon</a:t>
          </a:r>
          <a:endParaRPr lang="en-US">
            <a:latin typeface="KPN" panose="020B0504010101010104" pitchFamily="34" charset="0"/>
          </a:endParaRPr>
        </a:p>
      </dgm:t>
    </dgm:pt>
    <dgm:pt modelId="{82610761-B850-4B7B-9A75-D4B4F8B6A1E9}" type="parTrans" cxnId="{F28E1F7F-EE7E-4FF9-92F3-62446DF7F708}">
      <dgm:prSet/>
      <dgm:spPr/>
      <dgm:t>
        <a:bodyPr/>
        <a:lstStyle/>
        <a:p>
          <a:endParaRPr lang="en-US"/>
        </a:p>
      </dgm:t>
    </dgm:pt>
    <dgm:pt modelId="{AF15A381-A851-419A-BF17-BA1A33C33A06}" type="sibTrans" cxnId="{F28E1F7F-EE7E-4FF9-92F3-62446DF7F708}">
      <dgm:prSet/>
      <dgm:spPr/>
      <dgm:t>
        <a:bodyPr/>
        <a:lstStyle/>
        <a:p>
          <a:endParaRPr lang="en-US"/>
        </a:p>
      </dgm:t>
    </dgm:pt>
    <dgm:pt modelId="{6F775A23-15BE-4AF5-96D7-2E3736760D62}">
      <dgm:prSet/>
      <dgm:spPr/>
      <dgm:t>
        <a:bodyPr/>
        <a:lstStyle/>
        <a:p>
          <a:r>
            <a:rPr lang="nl-NL">
              <a:latin typeface="KPN" panose="020B0504010101010104" pitchFamily="34" charset="0"/>
            </a:rPr>
            <a:t>15.	Onveilige verbindingen – VPN als je op afstand werkt!</a:t>
          </a:r>
          <a:endParaRPr lang="en-US">
            <a:latin typeface="KPN" panose="020B0504010101010104" pitchFamily="34" charset="0"/>
          </a:endParaRPr>
        </a:p>
      </dgm:t>
    </dgm:pt>
    <dgm:pt modelId="{7B8E5D24-819F-42E4-8C45-2C8DD1527A73}" type="parTrans" cxnId="{2173D529-A6BF-41F6-8662-4D387351B538}">
      <dgm:prSet/>
      <dgm:spPr/>
      <dgm:t>
        <a:bodyPr/>
        <a:lstStyle/>
        <a:p>
          <a:endParaRPr lang="en-US"/>
        </a:p>
      </dgm:t>
    </dgm:pt>
    <dgm:pt modelId="{2FEB4F03-6829-4966-8721-F79F775E4ABB}" type="sibTrans" cxnId="{2173D529-A6BF-41F6-8662-4D387351B538}">
      <dgm:prSet/>
      <dgm:spPr/>
      <dgm:t>
        <a:bodyPr/>
        <a:lstStyle/>
        <a:p>
          <a:endParaRPr lang="en-US"/>
        </a:p>
      </dgm:t>
    </dgm:pt>
    <dgm:pt modelId="{C75E9F57-E0B6-47D0-8B0F-AF4F458162A2}" type="pres">
      <dgm:prSet presAssocID="{41AB039E-9166-4302-B648-528618E0EAF4}" presName="linear" presStyleCnt="0">
        <dgm:presLayoutVars>
          <dgm:animLvl val="lvl"/>
          <dgm:resizeHandles val="exact"/>
        </dgm:presLayoutVars>
      </dgm:prSet>
      <dgm:spPr/>
    </dgm:pt>
    <dgm:pt modelId="{D0E9875E-69F3-437D-AECA-13DD95067EDD}" type="pres">
      <dgm:prSet presAssocID="{9A6030C5-B7F2-4609-84AA-7CFBE6963981}" presName="parentText" presStyleLbl="node1" presStyleIdx="0" presStyleCnt="5">
        <dgm:presLayoutVars>
          <dgm:chMax val="0"/>
          <dgm:bulletEnabled val="1"/>
        </dgm:presLayoutVars>
      </dgm:prSet>
      <dgm:spPr/>
    </dgm:pt>
    <dgm:pt modelId="{E81D562A-6435-47CD-B365-7964030F16CF}" type="pres">
      <dgm:prSet presAssocID="{07BEA33D-3859-4B8A-AD6A-1D6D1DAEAA9B}" presName="spacer" presStyleCnt="0"/>
      <dgm:spPr/>
    </dgm:pt>
    <dgm:pt modelId="{85E25A97-805E-4CDB-957A-5274C60A380C}" type="pres">
      <dgm:prSet presAssocID="{C55E59D2-886B-4E6C-ACFD-2332657C61C7}" presName="parentText" presStyleLbl="node1" presStyleIdx="1" presStyleCnt="5">
        <dgm:presLayoutVars>
          <dgm:chMax val="0"/>
          <dgm:bulletEnabled val="1"/>
        </dgm:presLayoutVars>
      </dgm:prSet>
      <dgm:spPr/>
    </dgm:pt>
    <dgm:pt modelId="{D0ABA68C-D891-49AC-8C9C-6EEFEAE6D76E}" type="pres">
      <dgm:prSet presAssocID="{283B8C39-A16D-4632-A049-54B903FC03A2}" presName="spacer" presStyleCnt="0"/>
      <dgm:spPr/>
    </dgm:pt>
    <dgm:pt modelId="{90AED1BE-A769-40AE-B618-6532BF8A574D}" type="pres">
      <dgm:prSet presAssocID="{E6245CAF-287F-4346-87FC-D3D128E9235C}" presName="parentText" presStyleLbl="node1" presStyleIdx="2" presStyleCnt="5">
        <dgm:presLayoutVars>
          <dgm:chMax val="0"/>
          <dgm:bulletEnabled val="1"/>
        </dgm:presLayoutVars>
      </dgm:prSet>
      <dgm:spPr/>
    </dgm:pt>
    <dgm:pt modelId="{6F3CBE5B-0820-412C-8BA4-DBDB3BC658F1}" type="pres">
      <dgm:prSet presAssocID="{DB294BD6-39AE-4A2A-B88F-EE4EEC289F46}" presName="spacer" presStyleCnt="0"/>
      <dgm:spPr/>
    </dgm:pt>
    <dgm:pt modelId="{9FB6054C-0BFD-4BDD-837C-4CCB2984D0F0}" type="pres">
      <dgm:prSet presAssocID="{360C4F84-B797-4C3C-BC09-79C108F466B6}" presName="parentText" presStyleLbl="node1" presStyleIdx="3" presStyleCnt="5">
        <dgm:presLayoutVars>
          <dgm:chMax val="0"/>
          <dgm:bulletEnabled val="1"/>
        </dgm:presLayoutVars>
      </dgm:prSet>
      <dgm:spPr/>
    </dgm:pt>
    <dgm:pt modelId="{A8EB8D2A-4B04-4949-A03F-D3D95C7E1BB8}" type="pres">
      <dgm:prSet presAssocID="{AF15A381-A851-419A-BF17-BA1A33C33A06}" presName="spacer" presStyleCnt="0"/>
      <dgm:spPr/>
    </dgm:pt>
    <dgm:pt modelId="{46C4CF6E-9575-4E56-ACDD-8BF0444994A2}" type="pres">
      <dgm:prSet presAssocID="{6F775A23-15BE-4AF5-96D7-2E3736760D62}" presName="parentText" presStyleLbl="node1" presStyleIdx="4" presStyleCnt="5">
        <dgm:presLayoutVars>
          <dgm:chMax val="0"/>
          <dgm:bulletEnabled val="1"/>
        </dgm:presLayoutVars>
      </dgm:prSet>
      <dgm:spPr/>
    </dgm:pt>
  </dgm:ptLst>
  <dgm:cxnLst>
    <dgm:cxn modelId="{51190C08-2C60-46E2-A9B8-47825E42CC4A}" type="presOf" srcId="{6F775A23-15BE-4AF5-96D7-2E3736760D62}" destId="{46C4CF6E-9575-4E56-ACDD-8BF0444994A2}" srcOrd="0" destOrd="0" presId="urn:microsoft.com/office/officeart/2005/8/layout/vList2"/>
    <dgm:cxn modelId="{913FDB09-4A60-4C27-9FE3-3BAD1C556F07}" type="presOf" srcId="{9A6030C5-B7F2-4609-84AA-7CFBE6963981}" destId="{D0E9875E-69F3-437D-AECA-13DD95067EDD}" srcOrd="0" destOrd="0" presId="urn:microsoft.com/office/officeart/2005/8/layout/vList2"/>
    <dgm:cxn modelId="{51A1571C-6767-4042-A4B5-0AAD700C2FC8}" type="presOf" srcId="{C55E59D2-886B-4E6C-ACFD-2332657C61C7}" destId="{85E25A97-805E-4CDB-957A-5274C60A380C}" srcOrd="0" destOrd="0" presId="urn:microsoft.com/office/officeart/2005/8/layout/vList2"/>
    <dgm:cxn modelId="{2173D529-A6BF-41F6-8662-4D387351B538}" srcId="{41AB039E-9166-4302-B648-528618E0EAF4}" destId="{6F775A23-15BE-4AF5-96D7-2E3736760D62}" srcOrd="4" destOrd="0" parTransId="{7B8E5D24-819F-42E4-8C45-2C8DD1527A73}" sibTransId="{2FEB4F03-6829-4966-8721-F79F775E4ABB}"/>
    <dgm:cxn modelId="{70C57248-606B-4923-AD01-091F3CA66094}" type="presOf" srcId="{360C4F84-B797-4C3C-BC09-79C108F466B6}" destId="{9FB6054C-0BFD-4BDD-837C-4CCB2984D0F0}" srcOrd="0" destOrd="0" presId="urn:microsoft.com/office/officeart/2005/8/layout/vList2"/>
    <dgm:cxn modelId="{77F9306D-C4E6-4685-8F58-04DC23FF3819}" srcId="{41AB039E-9166-4302-B648-528618E0EAF4}" destId="{9A6030C5-B7F2-4609-84AA-7CFBE6963981}" srcOrd="0" destOrd="0" parTransId="{713096FE-1479-483C-9E7E-E810C8F494DA}" sibTransId="{07BEA33D-3859-4B8A-AD6A-1D6D1DAEAA9B}"/>
    <dgm:cxn modelId="{F28E1F7F-EE7E-4FF9-92F3-62446DF7F708}" srcId="{41AB039E-9166-4302-B648-528618E0EAF4}" destId="{360C4F84-B797-4C3C-BC09-79C108F466B6}" srcOrd="3" destOrd="0" parTransId="{82610761-B850-4B7B-9A75-D4B4F8B6A1E9}" sibTransId="{AF15A381-A851-419A-BF17-BA1A33C33A06}"/>
    <dgm:cxn modelId="{D4AAA58B-16AE-48D4-B7CA-199798D31E9D}" type="presOf" srcId="{E6245CAF-287F-4346-87FC-D3D128E9235C}" destId="{90AED1BE-A769-40AE-B618-6532BF8A574D}" srcOrd="0" destOrd="0" presId="urn:microsoft.com/office/officeart/2005/8/layout/vList2"/>
    <dgm:cxn modelId="{EEA1CCBF-64AA-4D27-ACC1-6FC90A417E0D}" srcId="{41AB039E-9166-4302-B648-528618E0EAF4}" destId="{C55E59D2-886B-4E6C-ACFD-2332657C61C7}" srcOrd="1" destOrd="0" parTransId="{BF67FDCB-DC1C-4580-8BB4-660971FEFE1D}" sibTransId="{283B8C39-A16D-4632-A049-54B903FC03A2}"/>
    <dgm:cxn modelId="{C9ECD5ED-D047-4BAF-B5EB-884656E1CD64}" type="presOf" srcId="{41AB039E-9166-4302-B648-528618E0EAF4}" destId="{C75E9F57-E0B6-47D0-8B0F-AF4F458162A2}" srcOrd="0" destOrd="0" presId="urn:microsoft.com/office/officeart/2005/8/layout/vList2"/>
    <dgm:cxn modelId="{88C994F0-5D3D-4FAA-8CDA-945B91936C3D}" srcId="{41AB039E-9166-4302-B648-528618E0EAF4}" destId="{E6245CAF-287F-4346-87FC-D3D128E9235C}" srcOrd="2" destOrd="0" parTransId="{E18EF7CC-B279-49ED-8155-5D1753A3744F}" sibTransId="{DB294BD6-39AE-4A2A-B88F-EE4EEC289F46}"/>
    <dgm:cxn modelId="{956AAAD7-530B-4499-9F53-3AE367F5292F}" type="presParOf" srcId="{C75E9F57-E0B6-47D0-8B0F-AF4F458162A2}" destId="{D0E9875E-69F3-437D-AECA-13DD95067EDD}" srcOrd="0" destOrd="0" presId="urn:microsoft.com/office/officeart/2005/8/layout/vList2"/>
    <dgm:cxn modelId="{5651E298-A158-455E-AAA5-6A67D315680A}" type="presParOf" srcId="{C75E9F57-E0B6-47D0-8B0F-AF4F458162A2}" destId="{E81D562A-6435-47CD-B365-7964030F16CF}" srcOrd="1" destOrd="0" presId="urn:microsoft.com/office/officeart/2005/8/layout/vList2"/>
    <dgm:cxn modelId="{C0029584-5747-4064-8297-EBDD97128573}" type="presParOf" srcId="{C75E9F57-E0B6-47D0-8B0F-AF4F458162A2}" destId="{85E25A97-805E-4CDB-957A-5274C60A380C}" srcOrd="2" destOrd="0" presId="urn:microsoft.com/office/officeart/2005/8/layout/vList2"/>
    <dgm:cxn modelId="{5B5E69B6-A541-47AA-B170-F7A62AC2FCBC}" type="presParOf" srcId="{C75E9F57-E0B6-47D0-8B0F-AF4F458162A2}" destId="{D0ABA68C-D891-49AC-8C9C-6EEFEAE6D76E}" srcOrd="3" destOrd="0" presId="urn:microsoft.com/office/officeart/2005/8/layout/vList2"/>
    <dgm:cxn modelId="{2EFFBF3E-1073-4F32-B403-98DCEC43E71B}" type="presParOf" srcId="{C75E9F57-E0B6-47D0-8B0F-AF4F458162A2}" destId="{90AED1BE-A769-40AE-B618-6532BF8A574D}" srcOrd="4" destOrd="0" presId="urn:microsoft.com/office/officeart/2005/8/layout/vList2"/>
    <dgm:cxn modelId="{0705ABCD-6B15-450B-878D-9AA480252B65}" type="presParOf" srcId="{C75E9F57-E0B6-47D0-8B0F-AF4F458162A2}" destId="{6F3CBE5B-0820-412C-8BA4-DBDB3BC658F1}" srcOrd="5" destOrd="0" presId="urn:microsoft.com/office/officeart/2005/8/layout/vList2"/>
    <dgm:cxn modelId="{9D0AE65C-DE71-4283-B09F-16ECF7626EB5}" type="presParOf" srcId="{C75E9F57-E0B6-47D0-8B0F-AF4F458162A2}" destId="{9FB6054C-0BFD-4BDD-837C-4CCB2984D0F0}" srcOrd="6" destOrd="0" presId="urn:microsoft.com/office/officeart/2005/8/layout/vList2"/>
    <dgm:cxn modelId="{1B62C436-4562-43E4-8CCB-069F42953BED}" type="presParOf" srcId="{C75E9F57-E0B6-47D0-8B0F-AF4F458162A2}" destId="{A8EB8D2A-4B04-4949-A03F-D3D95C7E1BB8}" srcOrd="7" destOrd="0" presId="urn:microsoft.com/office/officeart/2005/8/layout/vList2"/>
    <dgm:cxn modelId="{58F2AA22-2BB8-4FAF-A11B-A1DDF13DE971}" type="presParOf" srcId="{C75E9F57-E0B6-47D0-8B0F-AF4F458162A2}" destId="{46C4CF6E-9575-4E56-ACDD-8BF0444994A2}" srcOrd="8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D65CDFB9-4CF3-45D6-80AA-EB6F78BB9946}">
      <dsp:nvSpPr>
        <dsp:cNvPr id="0" name=""/>
        <dsp:cNvSpPr/>
      </dsp:nvSpPr>
      <dsp:spPr>
        <a:xfrm>
          <a:off x="0" y="555899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1.	Werk software bij – voorbeeld Defensie!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578145"/>
        <a:ext cx="9332719" cy="411223"/>
      </dsp:txXfrm>
    </dsp:sp>
    <dsp:sp modelId="{718B5262-9B8F-4226-8C77-9E6B7448BD21}">
      <dsp:nvSpPr>
        <dsp:cNvPr id="0" name=""/>
        <dsp:cNvSpPr/>
      </dsp:nvSpPr>
      <dsp:spPr>
        <a:xfrm>
          <a:off x="0" y="1066334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2.	Zorg voor een virusscanner / firewall – Standaard software is niet genoeg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1088580"/>
        <a:ext cx="9332719" cy="411223"/>
      </dsp:txXfrm>
    </dsp:sp>
    <dsp:sp modelId="{A9B31EB8-AC53-48BD-B9B5-B45326BE1530}">
      <dsp:nvSpPr>
        <dsp:cNvPr id="0" name=""/>
        <dsp:cNvSpPr/>
      </dsp:nvSpPr>
      <dsp:spPr>
        <a:xfrm>
          <a:off x="0" y="1576770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3.	Slecht beveiligde wifi – Dit gaat om je eigen Wifi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1599016"/>
        <a:ext cx="9332719" cy="411223"/>
      </dsp:txXfrm>
    </dsp:sp>
    <dsp:sp modelId="{401998E8-5635-4778-913F-CB90CB1D057E}">
      <dsp:nvSpPr>
        <dsp:cNvPr id="0" name=""/>
        <dsp:cNvSpPr/>
      </dsp:nvSpPr>
      <dsp:spPr>
        <a:xfrm>
          <a:off x="0" y="2087205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4.	Geen veilige instellingen hardware – standaard wachtwoord camera’s (shodan.io)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2109451"/>
        <a:ext cx="9332719" cy="411223"/>
      </dsp:txXfrm>
    </dsp:sp>
    <dsp:sp modelId="{60193F32-6DFE-48D5-BD1C-E09FB196F5FA}">
      <dsp:nvSpPr>
        <dsp:cNvPr id="0" name=""/>
        <dsp:cNvSpPr/>
      </dsp:nvSpPr>
      <dsp:spPr>
        <a:xfrm>
          <a:off x="0" y="2597640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5.	Niet goed opletten bij mails/websites – vraag je iedere keer af, klopt dit wel?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2619886"/>
        <a:ext cx="9332719" cy="411223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71A3CE2-116A-427D-9ED8-464560ED01EA}">
      <dsp:nvSpPr>
        <dsp:cNvPr id="0" name=""/>
        <dsp:cNvSpPr/>
      </dsp:nvSpPr>
      <dsp:spPr>
        <a:xfrm>
          <a:off x="0" y="555899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6.	Geen 2FA – in het begin vervelend, maar de beste oplossing voor account </a:t>
          </a:r>
          <a:r>
            <a:rPr lang="nl-NL" sz="1900" kern="1200" dirty="0" err="1">
              <a:latin typeface="KPN" panose="020B0504010101010104" pitchFamily="34" charset="0"/>
            </a:rPr>
            <a:t>takeover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578145"/>
        <a:ext cx="9332719" cy="411223"/>
      </dsp:txXfrm>
    </dsp:sp>
    <dsp:sp modelId="{9B57BBCF-7421-4FA9-A716-FA539F4D712F}">
      <dsp:nvSpPr>
        <dsp:cNvPr id="0" name=""/>
        <dsp:cNvSpPr/>
      </dsp:nvSpPr>
      <dsp:spPr>
        <a:xfrm>
          <a:off x="0" y="1066334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7.	Geen goede rechtenstructuur – Niet iedereen heeft alle toegang nodig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1088580"/>
        <a:ext cx="9332719" cy="411223"/>
      </dsp:txXfrm>
    </dsp:sp>
    <dsp:sp modelId="{E6A27886-1BF2-4C8D-9D06-1A31C822426B}">
      <dsp:nvSpPr>
        <dsp:cNvPr id="0" name=""/>
        <dsp:cNvSpPr/>
      </dsp:nvSpPr>
      <dsp:spPr>
        <a:xfrm>
          <a:off x="0" y="1576770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8.	Gebruik maken van openbare wifi – Is het wel veilig? 4G/5G is veiliger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1599016"/>
        <a:ext cx="9332719" cy="411223"/>
      </dsp:txXfrm>
    </dsp:sp>
    <dsp:sp modelId="{7ED32267-992D-492D-B32D-7654F81B6742}">
      <dsp:nvSpPr>
        <dsp:cNvPr id="0" name=""/>
        <dsp:cNvSpPr/>
      </dsp:nvSpPr>
      <dsp:spPr>
        <a:xfrm>
          <a:off x="0" y="2087205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9.	Geen afspraken over dataveiligheid – Data versturen via de mail enz.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2109451"/>
        <a:ext cx="9332719" cy="411223"/>
      </dsp:txXfrm>
    </dsp:sp>
    <dsp:sp modelId="{CD96BB36-1E68-44B6-BCC6-845F8E893D5A}">
      <dsp:nvSpPr>
        <dsp:cNvPr id="0" name=""/>
        <dsp:cNvSpPr/>
      </dsp:nvSpPr>
      <dsp:spPr>
        <a:xfrm>
          <a:off x="0" y="2597640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10.	Ongetraind personeel – Deze sessie is een goede stap, maar blijf ook bij!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2619886"/>
        <a:ext cx="9332719" cy="411223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D0E9875E-69F3-437D-AECA-13DD95067EDD}">
      <dsp:nvSpPr>
        <dsp:cNvPr id="0" name=""/>
        <dsp:cNvSpPr/>
      </dsp:nvSpPr>
      <dsp:spPr>
        <a:xfrm>
          <a:off x="0" y="555899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11.	Regelmatig testen – werken alle processen en procedures nog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578145"/>
        <a:ext cx="9332719" cy="411223"/>
      </dsp:txXfrm>
    </dsp:sp>
    <dsp:sp modelId="{85E25A97-805E-4CDB-957A-5274C60A380C}">
      <dsp:nvSpPr>
        <dsp:cNvPr id="0" name=""/>
        <dsp:cNvSpPr/>
      </dsp:nvSpPr>
      <dsp:spPr>
        <a:xfrm>
          <a:off x="0" y="1066334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12.	Ongefilterde email – Een email filter houd veel ellende tegen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1088580"/>
        <a:ext cx="9332719" cy="411223"/>
      </dsp:txXfrm>
    </dsp:sp>
    <dsp:sp modelId="{90AED1BE-A769-40AE-B618-6532BF8A574D}">
      <dsp:nvSpPr>
        <dsp:cNvPr id="0" name=""/>
        <dsp:cNvSpPr/>
      </dsp:nvSpPr>
      <dsp:spPr>
        <a:xfrm>
          <a:off x="0" y="1576770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 dirty="0">
              <a:latin typeface="KPN" panose="020B0504010101010104" pitchFamily="34" charset="0"/>
            </a:rPr>
            <a:t>13.	Geen </a:t>
          </a:r>
          <a:r>
            <a:rPr lang="nl-NL" sz="1900" kern="1200" dirty="0" err="1">
              <a:latin typeface="KPN" panose="020B0504010101010104" pitchFamily="34" charset="0"/>
            </a:rPr>
            <a:t>backup</a:t>
          </a:r>
          <a:r>
            <a:rPr lang="nl-NL" sz="1900" kern="1200" dirty="0">
              <a:latin typeface="KPN" panose="020B0504010101010104" pitchFamily="34" charset="0"/>
            </a:rPr>
            <a:t> – Maar weet wel wat van jou is en </a:t>
          </a:r>
          <a:endParaRPr lang="en-US" sz="1900" kern="1200" dirty="0">
            <a:latin typeface="KPN" panose="020B0504010101010104" pitchFamily="34" charset="0"/>
          </a:endParaRPr>
        </a:p>
      </dsp:txBody>
      <dsp:txXfrm>
        <a:off x="22246" y="1599016"/>
        <a:ext cx="9332719" cy="411223"/>
      </dsp:txXfrm>
    </dsp:sp>
    <dsp:sp modelId="{9FB6054C-0BFD-4BDD-837C-4CCB2984D0F0}">
      <dsp:nvSpPr>
        <dsp:cNvPr id="0" name=""/>
        <dsp:cNvSpPr/>
      </dsp:nvSpPr>
      <dsp:spPr>
        <a:xfrm>
          <a:off x="0" y="2087205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>
              <a:latin typeface="KPN" panose="020B0504010101010104" pitchFamily="34" charset="0"/>
            </a:rPr>
            <a:t>14.	Onveilige mobiele apparaten – geen rare apps, jailbreak etc op een zakelijke telefoon</a:t>
          </a:r>
          <a:endParaRPr lang="en-US" sz="1900" kern="1200">
            <a:latin typeface="KPN" panose="020B0504010101010104" pitchFamily="34" charset="0"/>
          </a:endParaRPr>
        </a:p>
      </dsp:txBody>
      <dsp:txXfrm>
        <a:off x="22246" y="2109451"/>
        <a:ext cx="9332719" cy="411223"/>
      </dsp:txXfrm>
    </dsp:sp>
    <dsp:sp modelId="{46C4CF6E-9575-4E56-ACDD-8BF0444994A2}">
      <dsp:nvSpPr>
        <dsp:cNvPr id="0" name=""/>
        <dsp:cNvSpPr/>
      </dsp:nvSpPr>
      <dsp:spPr>
        <a:xfrm>
          <a:off x="0" y="2597640"/>
          <a:ext cx="9377211" cy="455715"/>
        </a:xfrm>
        <a:prstGeom prst="roundRect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3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900" kern="1200">
              <a:latin typeface="KPN" panose="020B0504010101010104" pitchFamily="34" charset="0"/>
            </a:rPr>
            <a:t>15.	Onveilige verbindingen – VPN als je op afstand werkt!</a:t>
          </a:r>
          <a:endParaRPr lang="en-US" sz="1900" kern="1200">
            <a:latin typeface="KPN" panose="020B0504010101010104" pitchFamily="34" charset="0"/>
          </a:endParaRPr>
        </a:p>
      </dsp:txBody>
      <dsp:txXfrm>
        <a:off x="22246" y="2619886"/>
        <a:ext cx="9332719" cy="41122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5">
  <dgm:title val=""/>
  <dgm:desc val=""/>
  <dgm:catLst>
    <dgm:cat type="simple" pri="105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5">
  <dgm:title val=""/>
  <dgm:desc val=""/>
  <dgm:catLst>
    <dgm:cat type="simple" pri="105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5">
  <dgm:title val=""/>
  <dgm:desc val=""/>
  <dgm:catLst>
    <dgm:cat type="simple" pri="105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CC931049-DB6F-5203-89FE-473C47C98ED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5AF2EF0-5ABF-CDBF-3D75-8C7F87FF4AF2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B0D13905-FE0E-4645-BC89-259FECF83476}" type="datetimeFigureOut">
              <a:rPr lang="nl-NL" smtClean="0"/>
              <a:t>9-4-2024</a:t>
            </a:fld>
            <a:endParaRPr lang="nl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1BAE6E-AAFF-F280-16A5-75A53D5B52CA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ACF998-FF9D-E246-34F9-0B09AA67E88C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372278B-2346-4539-AA10-0A0AEC091BB7}" type="slidenum">
              <a:rPr lang="nl-NL" smtClean="0"/>
              <a:t>‹#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997378343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430BD5B5-3A38-4423-AF09-EE1DF7E81FFB}" type="datetimeFigureOut">
              <a:rPr lang="en-GB" smtClean="0"/>
              <a:t>09/04/2024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8D4BB1C-3AEB-4EB8-A9B3-1D07BC99409E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0451840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">
    <p:bg bwMode="gray">
      <p:bgPr>
        <a:solidFill>
          <a:srgbClr val="00C3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Naam" descr="{&quot;templafy&quot;:{&quot;id&quot;:&quot;2d34b9b3-f021-4834-b33c-18c66810e431&quot;}}">
            <a:extLst>
              <a:ext uri="{FF2B5EF4-FFF2-40B4-BE49-F238E27FC236}">
                <a16:creationId xmlns:a16="http://schemas.microsoft.com/office/drawing/2014/main" id="{E820DB49-0EC0-5C71-EE3E-71FA2A2549C7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635004" y="6242585"/>
            <a:ext cx="8110799" cy="41319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ts val="200"/>
              </a:spcBef>
              <a:buFont typeface="Arial" panose="020B0604020202020204" pitchFamily="34" charset="0"/>
              <a:buNone/>
              <a:defRPr sz="2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/>
            <a:r>
              <a:rPr lang="nl-NL" sz="1800" dirty="0"/>
              <a:t>Erwin Sprengers</a:t>
            </a:r>
          </a:p>
        </p:txBody>
      </p:sp>
      <p:sp>
        <p:nvSpPr>
          <p:cNvPr id="10" name="Datum" descr="{&quot;templafy&quot;:{&quot;id&quot;:&quot;8dd61ab4-d037-47c2-80f6-50debddce1dd&quot;}}">
            <a:extLst>
              <a:ext uri="{FF2B5EF4-FFF2-40B4-BE49-F238E27FC236}">
                <a16:creationId xmlns:a16="http://schemas.microsoft.com/office/drawing/2014/main" id="{C3316EE9-3552-3D4C-5868-BACE70D1CD52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8745797" y="6242585"/>
            <a:ext cx="2993803" cy="41319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ts val="200"/>
              </a:spcBef>
              <a:buFont typeface="Arial" panose="020B0604020202020204" pitchFamily="34" charset="0"/>
              <a:buNone/>
              <a:defRPr sz="2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 algn="r"/>
            <a:r>
              <a:rPr lang="nl-NL" sz="1800" dirty="0"/>
              <a:t>7 februari 2024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F474610-2CAD-B8A5-2F17-8C0551B5F07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635000" y="2535920"/>
            <a:ext cx="8110800" cy="1136720"/>
          </a:xfrm>
        </p:spPr>
        <p:txBody>
          <a:bodyPr anchor="b" anchorCtr="0"/>
          <a:lstStyle>
            <a:lvl1pPr algn="l">
              <a:lnSpc>
                <a:spcPct val="70000"/>
              </a:lnSpc>
              <a:defRPr sz="75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nl-NL" dirty="0"/>
              <a:t>Titel</a:t>
            </a:r>
            <a:endParaRPr lang="nl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81F5C45-749B-A1E0-612C-4E35978FC26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635000" y="3791046"/>
            <a:ext cx="8110800" cy="574306"/>
          </a:xfrm>
        </p:spPr>
        <p:txBody>
          <a:bodyPr anchor="t" anchorCtr="0"/>
          <a:lstStyle>
            <a:lvl1pPr marL="0" indent="0" algn="l">
              <a:lnSpc>
                <a:spcPct val="83000"/>
              </a:lnSpc>
              <a:buNone/>
              <a:defRPr sz="2800" b="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 algn="ctr">
              <a:buNone/>
              <a:defRPr sz="2000"/>
            </a:lvl2pPr>
            <a:lvl3pPr marL="914397" indent="0" algn="ctr">
              <a:buNone/>
              <a:defRPr sz="1800"/>
            </a:lvl3pPr>
            <a:lvl4pPr marL="1371594" indent="0" algn="ctr">
              <a:buNone/>
              <a:defRPr sz="1600"/>
            </a:lvl4pPr>
            <a:lvl5pPr marL="1828794" indent="0" algn="ctr">
              <a:buNone/>
              <a:defRPr sz="1600"/>
            </a:lvl5pPr>
            <a:lvl6pPr marL="2285994" indent="0" algn="ctr">
              <a:buNone/>
              <a:defRPr sz="1600"/>
            </a:lvl6pPr>
            <a:lvl7pPr marL="2743191" indent="0" algn="ctr">
              <a:buNone/>
              <a:defRPr sz="1600"/>
            </a:lvl7pPr>
            <a:lvl8pPr marL="3200391" indent="0" algn="ctr">
              <a:buNone/>
              <a:defRPr sz="1600"/>
            </a:lvl8pPr>
            <a:lvl9pPr marL="3657588" indent="0" algn="ctr">
              <a:buNone/>
              <a:defRPr sz="1600"/>
            </a:lvl9pPr>
          </a:lstStyle>
          <a:p>
            <a:r>
              <a:rPr lang="nl-NL" dirty="0"/>
              <a:t>Een omschrijving van de presentatie</a:t>
            </a:r>
            <a:endParaRPr lang="nl-NL"/>
          </a:p>
        </p:txBody>
      </p:sp>
      <p:pic>
        <p:nvPicPr>
          <p:cNvPr id="23" name="Picture 22" descr="A black and white logo&#10;&#10;Description automatically generated">
            <a:extLst>
              <a:ext uri="{FF2B5EF4-FFF2-40B4-BE49-F238E27FC236}">
                <a16:creationId xmlns:a16="http://schemas.microsoft.com/office/drawing/2014/main" id="{713C888C-714E-BC10-584E-D47BB4FEA5F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9928806" y="500400"/>
            <a:ext cx="1643165" cy="6290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626950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ee kolommen doorlop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7CB91B6C-9F84-4E1D-89F7-44DFBEC5C4F6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35007" y="1840334"/>
            <a:ext cx="10920999" cy="3940189"/>
          </a:xfrm>
        </p:spPr>
        <p:txBody>
          <a:bodyPr numCol="2" spcCol="316800"/>
          <a:lstStyle>
            <a:lvl1pPr>
              <a:defRPr/>
            </a:lvl1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8D481AEA-9C62-B7DC-30A3-76F8087B1D8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9098F0B-2646-E568-2A6B-851E54A18E0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53955749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0">
            <a:extLst>
              <a:ext uri="{FF2B5EF4-FFF2-40B4-BE49-F238E27FC236}">
                <a16:creationId xmlns:a16="http://schemas.microsoft.com/office/drawing/2014/main" id="{3DBCEABF-95D0-7497-55D2-D5A6AADEDDAF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gray">
          <a:xfrm>
            <a:off x="633607" y="1689328"/>
            <a:ext cx="8110800" cy="2563890"/>
          </a:xfrm>
          <a:prstGeom prst="roundRect">
            <a:avLst>
              <a:gd name="adj" fmla="val 9621"/>
            </a:avLst>
          </a:prstGeom>
          <a:solidFill>
            <a:srgbClr val="00C300"/>
          </a:solidFill>
          <a:effectLst>
            <a:outerShdw blurRad="635000" dir="5400000" algn="ctr" rotWithShape="0">
              <a:schemeClr val="bg1">
                <a:alpha val="0"/>
              </a:schemeClr>
            </a:outerShdw>
          </a:effectLst>
        </p:spPr>
        <p:txBody>
          <a:bodyPr lIns="252000" tIns="216000" rIns="216000" bIns="108000"/>
          <a:lstStyle>
            <a:lvl1pPr>
              <a:lnSpc>
                <a:spcPct val="120000"/>
              </a:lnSpc>
              <a:defRPr>
                <a:solidFill>
                  <a:schemeClr val="bg1"/>
                </a:solidFill>
              </a:defRPr>
            </a:lvl1pPr>
            <a:lvl2pPr>
              <a:lnSpc>
                <a:spcPct val="120000"/>
              </a:lnSpc>
              <a:defRPr>
                <a:solidFill>
                  <a:schemeClr val="bg1"/>
                </a:solidFill>
              </a:defRPr>
            </a:lvl2pPr>
            <a:lvl3pPr>
              <a:lnSpc>
                <a:spcPct val="120000"/>
              </a:lnSpc>
              <a:defRPr>
                <a:solidFill>
                  <a:schemeClr val="bg1"/>
                </a:solidFill>
              </a:defRPr>
            </a:lvl3pPr>
            <a:lvl4pPr>
              <a:lnSpc>
                <a:spcPct val="120000"/>
              </a:lnSpc>
              <a:defRPr>
                <a:solidFill>
                  <a:schemeClr val="bg1"/>
                </a:solidFill>
              </a:defRPr>
            </a:lvl4pPr>
            <a:lvl5pPr>
              <a:lnSpc>
                <a:spcPct val="120000"/>
              </a:lnSpc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6697E11-D56E-22DC-6E9D-ECDEF32DB78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0AA2F9E5-991D-101A-0C05-10D72A1D90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4972840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tekst half info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08A579E6-75B0-57BB-C5D4-11E85288980C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35001" y="1903751"/>
            <a:ext cx="5302249" cy="3823352"/>
          </a:xfrm>
        </p:spPr>
        <p:txBody>
          <a:bodyPr tIns="273600"/>
          <a:lstStyle>
            <a:lvl1pPr>
              <a:defRPr/>
            </a:lvl1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F689E70-8C46-FFD1-728A-E8BCDF077C4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gray">
          <a:xfrm>
            <a:off x="6254200" y="1840330"/>
            <a:ext cx="5302800" cy="3960000"/>
          </a:xfrm>
          <a:prstGeom prst="roundRect">
            <a:avLst>
              <a:gd name="adj" fmla="val 11386"/>
            </a:avLst>
          </a:prstGeom>
          <a:solidFill>
            <a:srgbClr val="00C300"/>
          </a:solidFill>
          <a:effectLst/>
        </p:spPr>
        <p:txBody>
          <a:bodyPr lIns="252000" tIns="198000" rIns="198000" bIns="10800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08FA461-A4CC-10D0-B767-D188A7A2A9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b="1" dirty="0">
                <a:latin typeface="KPN Black" panose="020B0504010101010104" pitchFamily="34" charset="77"/>
              </a:rPr>
              <a:t>Dit is een titel</a:t>
            </a:r>
            <a:endParaRPr lang="nl-NL" dirty="0"/>
          </a:p>
        </p:txBody>
      </p:sp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CE17FFD5-570B-88E5-C965-A512AE73D1A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192541595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ee infobox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0">
            <a:extLst>
              <a:ext uri="{FF2B5EF4-FFF2-40B4-BE49-F238E27FC236}">
                <a16:creationId xmlns:a16="http://schemas.microsoft.com/office/drawing/2014/main" id="{D05A1646-9148-89A4-077F-36F75EC95AC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gray">
          <a:xfrm>
            <a:off x="633601" y="1840330"/>
            <a:ext cx="5302800" cy="3960000"/>
          </a:xfrm>
          <a:prstGeom prst="roundRect">
            <a:avLst>
              <a:gd name="adj" fmla="val 11386"/>
            </a:avLst>
          </a:prstGeom>
          <a:solidFill>
            <a:srgbClr val="00C300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252000" tIns="180000" rIns="198000" bIns="10800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6" name="Text Placeholder 10">
            <a:extLst>
              <a:ext uri="{FF2B5EF4-FFF2-40B4-BE49-F238E27FC236}">
                <a16:creationId xmlns:a16="http://schemas.microsoft.com/office/drawing/2014/main" id="{ACECD5BF-A754-5E45-BDB8-02F3629E0DA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gray">
          <a:xfrm>
            <a:off x="6253350" y="1840330"/>
            <a:ext cx="5302800" cy="3960000"/>
          </a:xfrm>
          <a:prstGeom prst="roundRect">
            <a:avLst>
              <a:gd name="adj" fmla="val 11386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252000" tIns="180000" rIns="198000" bIns="108000"/>
          <a:lstStyle>
            <a:lvl1pPr>
              <a:defRPr/>
            </a:lvl1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E484707C-D4F9-AE3C-8A29-AFEF0B0AA0A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b="1" dirty="0">
                <a:latin typeface="KPN Black" panose="020B0504010101010104" pitchFamily="34" charset="77"/>
              </a:rPr>
              <a:t>Dit is een titel</a:t>
            </a:r>
            <a:endParaRPr lang="nl-NL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CC09D703-C558-31C7-D994-7C6CE29035C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25297517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rie infobox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635000" y="6250882"/>
            <a:ext cx="360000" cy="179023"/>
          </a:xfrm>
        </p:spPr>
        <p:txBody>
          <a:bodyPr/>
          <a:lstStyle>
            <a:lvl1pPr>
              <a:defRPr>
                <a:solidFill>
                  <a:srgbClr val="00C300"/>
                </a:solidFill>
              </a:defRPr>
            </a:lvl1pPr>
          </a:lstStyle>
          <a:p>
            <a:fld id="{A978B2FF-0EC6-496A-9F3F-A37EF0BEACA5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Content Placeholder 125">
            <a:extLst>
              <a:ext uri="{FF2B5EF4-FFF2-40B4-BE49-F238E27FC236}">
                <a16:creationId xmlns:a16="http://schemas.microsoft.com/office/drawing/2014/main" id="{AC95E6A7-5BE5-5114-6AC7-7BC78D9352D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33601" y="1840330"/>
            <a:ext cx="3430800" cy="3960000"/>
          </a:xfrm>
          <a:prstGeom prst="roundRect">
            <a:avLst>
              <a:gd name="adj" fmla="val 5553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tIns="252000"/>
          <a:lstStyle>
            <a:lvl1pPr marL="180000">
              <a:lnSpc>
                <a:spcPct val="80000"/>
              </a:lnSpc>
              <a:spcBef>
                <a:spcPts val="0"/>
              </a:spcBef>
              <a:defRPr sz="1800" b="0">
                <a:latin typeface="KPN" panose="020B0504010101010104" pitchFamily="34" charset="0"/>
              </a:defRPr>
            </a:lvl1pPr>
            <a:lvl2pPr marL="180000" indent="0">
              <a:buFontTx/>
              <a:buNone/>
              <a:defRPr/>
            </a:lvl2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1" name="Content Placeholder 125">
            <a:extLst>
              <a:ext uri="{FF2B5EF4-FFF2-40B4-BE49-F238E27FC236}">
                <a16:creationId xmlns:a16="http://schemas.microsoft.com/office/drawing/2014/main" id="{D1DAFDEA-BEEB-875F-5CF4-29C865946D8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381500" y="1829205"/>
            <a:ext cx="3430800" cy="3960000"/>
          </a:xfrm>
          <a:prstGeom prst="roundRect">
            <a:avLst>
              <a:gd name="adj" fmla="val 5553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tIns="252000"/>
          <a:lstStyle>
            <a:lvl1pPr marL="180000" marR="0" indent="0" algn="l" defTabSz="914397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800" b="0">
                <a:latin typeface="KPN" panose="020B0504010101010104" pitchFamily="34" charset="0"/>
              </a:defRPr>
            </a:lvl1pPr>
            <a:lvl2pPr marL="180000" indent="0">
              <a:buFontTx/>
              <a:buNone/>
              <a:defRPr/>
            </a:lvl2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2"/>
            <a:r>
              <a:rPr lang="nl-NL" dirty="0"/>
              <a:t>Tweede niveau</a:t>
            </a:r>
            <a:endParaRPr lang="nl-NL"/>
          </a:p>
          <a:p>
            <a:pPr lvl="3"/>
            <a:r>
              <a:rPr lang="nl-NL" dirty="0"/>
              <a:t>Derde niveau</a:t>
            </a:r>
            <a:endParaRPr lang="nl-NL"/>
          </a:p>
          <a:p>
            <a:pPr lvl="4"/>
            <a:r>
              <a:rPr lang="nl-NL" dirty="0"/>
              <a:t>Vierde niveau</a:t>
            </a:r>
            <a:endParaRPr lang="nl-NL"/>
          </a:p>
          <a:p>
            <a:pPr lvl="5"/>
            <a:r>
              <a:rPr lang="nl-NL" dirty="0"/>
              <a:t>Vijfde niveau</a:t>
            </a:r>
            <a:endParaRPr lang="nl-NL"/>
          </a:p>
        </p:txBody>
      </p:sp>
      <p:sp>
        <p:nvSpPr>
          <p:cNvPr id="12" name="Content Placeholder 125">
            <a:extLst>
              <a:ext uri="{FF2B5EF4-FFF2-40B4-BE49-F238E27FC236}">
                <a16:creationId xmlns:a16="http://schemas.microsoft.com/office/drawing/2014/main" id="{6107967F-AA49-FA1B-EB60-E90C5E9A6C7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28000" y="1834729"/>
            <a:ext cx="3430800" cy="3960000"/>
          </a:xfrm>
          <a:prstGeom prst="roundRect">
            <a:avLst>
              <a:gd name="adj" fmla="val 5553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tIns="252000"/>
          <a:lstStyle>
            <a:lvl1pPr marL="180000">
              <a:lnSpc>
                <a:spcPct val="80000"/>
              </a:lnSpc>
              <a:spcBef>
                <a:spcPts val="0"/>
              </a:spcBef>
              <a:buNone/>
              <a:defRPr sz="1800" b="0">
                <a:latin typeface="KPN" panose="020B0504010101010104" pitchFamily="34" charset="0"/>
              </a:defRPr>
            </a:lvl1pPr>
            <a:lvl2pPr marL="180000" indent="0">
              <a:buFontTx/>
              <a:buNone/>
              <a:defRPr/>
            </a:lvl2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2"/>
            <a:r>
              <a:rPr lang="nl-NL" dirty="0"/>
              <a:t>Tweede niveau</a:t>
            </a:r>
            <a:endParaRPr lang="nl-NL"/>
          </a:p>
          <a:p>
            <a:pPr lvl="3"/>
            <a:r>
              <a:rPr lang="nl-NL" dirty="0"/>
              <a:t>Derde niveau</a:t>
            </a:r>
            <a:endParaRPr lang="nl-NL"/>
          </a:p>
          <a:p>
            <a:pPr lvl="4"/>
            <a:r>
              <a:rPr lang="nl-NL" dirty="0"/>
              <a:t>Vierde niveau</a:t>
            </a:r>
            <a:endParaRPr lang="nl-NL"/>
          </a:p>
          <a:p>
            <a:pPr lvl="5"/>
            <a:r>
              <a:rPr lang="nl-NL" dirty="0"/>
              <a:t>Vijfde niveau</a:t>
            </a:r>
            <a:endParaRPr lang="nl-NL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0DD8EF0-0DC0-C79C-5733-242339412C6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DCD1600A-893E-4FC0-CED7-36889D282D7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32689274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es infobox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0">
            <a:extLst>
              <a:ext uri="{FF2B5EF4-FFF2-40B4-BE49-F238E27FC236}">
                <a16:creationId xmlns:a16="http://schemas.microsoft.com/office/drawing/2014/main" id="{EB6BC09E-0699-84F2-5D09-CCC83219BC4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gray">
          <a:xfrm>
            <a:off x="633601" y="1498703"/>
            <a:ext cx="3430800" cy="2018461"/>
          </a:xfrm>
          <a:prstGeom prst="roundRect">
            <a:avLst>
              <a:gd name="adj" fmla="val 9438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162000" tIns="126000" rIns="126000" bIns="54000"/>
          <a:lstStyle>
            <a:lvl1pPr>
              <a:defRPr sz="1800" b="0">
                <a:latin typeface="KPN" panose="020B0504010101010104" pitchFamily="34" charset="0"/>
              </a:defRPr>
            </a:lvl1pPr>
            <a:lvl2pPr>
              <a:defRPr sz="1800" b="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/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4" name="Text Placeholder 10">
            <a:extLst>
              <a:ext uri="{FF2B5EF4-FFF2-40B4-BE49-F238E27FC236}">
                <a16:creationId xmlns:a16="http://schemas.microsoft.com/office/drawing/2014/main" id="{D99CAEA0-C3F8-FC6A-135C-856ABF71141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 bwMode="gray">
          <a:xfrm>
            <a:off x="633601" y="3818468"/>
            <a:ext cx="3430800" cy="2018461"/>
          </a:xfrm>
          <a:prstGeom prst="roundRect">
            <a:avLst>
              <a:gd name="adj" fmla="val 9438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162000" tIns="126000" rIns="126000" bIns="54000"/>
          <a:lstStyle>
            <a:lvl1pPr>
              <a:defRPr sz="1800" b="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/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BA402BEC-4C3B-B1AD-A079-D18A69A082A9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 bwMode="gray">
          <a:xfrm>
            <a:off x="4381500" y="1498703"/>
            <a:ext cx="3430800" cy="2018461"/>
          </a:xfrm>
          <a:prstGeom prst="roundRect">
            <a:avLst>
              <a:gd name="adj" fmla="val 9438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162000" tIns="126000" rIns="126000" bIns="54000"/>
          <a:lstStyle>
            <a:lvl1pPr>
              <a:defRPr sz="1800" b="0">
                <a:solidFill>
                  <a:schemeClr val="tx1"/>
                </a:solidFill>
              </a:defRPr>
            </a:lvl1pPr>
            <a:lvl2pPr>
              <a:defRPr sz="1800" b="0">
                <a:solidFill>
                  <a:schemeClr val="tx1"/>
                </a:solidFill>
              </a:defRPr>
            </a:lvl2pPr>
            <a:lvl3pPr>
              <a:defRPr sz="1800" b="0">
                <a:solidFill>
                  <a:schemeClr val="tx1"/>
                </a:solidFill>
              </a:defRPr>
            </a:lvl3pPr>
            <a:lvl4pPr>
              <a:defRPr sz="1800">
                <a:solidFill>
                  <a:schemeClr val="tx1"/>
                </a:solidFill>
              </a:defRPr>
            </a:lvl4pPr>
            <a:lvl5pPr>
              <a:defRPr sz="1800">
                <a:solidFill>
                  <a:schemeClr val="tx1"/>
                </a:solidFill>
              </a:defRPr>
            </a:lvl5pPr>
          </a:lstStyle>
          <a:p>
            <a:pPr lvl="0"/>
            <a:r>
              <a:rPr lang="nl-NL" dirty="0"/>
              <a:t>Subkop maak je bold/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6" name="Text Placeholder 10">
            <a:extLst>
              <a:ext uri="{FF2B5EF4-FFF2-40B4-BE49-F238E27FC236}">
                <a16:creationId xmlns:a16="http://schemas.microsoft.com/office/drawing/2014/main" id="{3BADF1DE-1C44-471A-2A7B-AA22C1E766C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 bwMode="gray">
          <a:xfrm>
            <a:off x="4381500" y="3818468"/>
            <a:ext cx="3430800" cy="2018461"/>
          </a:xfrm>
          <a:prstGeom prst="roundRect">
            <a:avLst>
              <a:gd name="adj" fmla="val 9438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162000" tIns="126000" rIns="126000" bIns="54000"/>
          <a:lstStyle>
            <a:lvl1pPr>
              <a:defRPr sz="1800" b="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/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21ED06DC-08D4-250D-787D-BD921057994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8125200" y="1498703"/>
            <a:ext cx="3430800" cy="2018461"/>
          </a:xfrm>
          <a:prstGeom prst="roundRect">
            <a:avLst>
              <a:gd name="adj" fmla="val 9438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162000" tIns="126000" rIns="126000" bIns="54000"/>
          <a:lstStyle>
            <a:lvl1pPr>
              <a:defRPr sz="1800" b="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tx1"/>
                </a:solidFill>
              </a:defRPr>
            </a:lvl2pPr>
            <a:lvl3pPr>
              <a:defRPr sz="1800">
                <a:solidFill>
                  <a:schemeClr val="tx1"/>
                </a:solidFill>
              </a:defRPr>
            </a:lvl3pPr>
            <a:lvl4pPr>
              <a:defRPr sz="1800">
                <a:solidFill>
                  <a:schemeClr val="tx1"/>
                </a:solidFill>
              </a:defRPr>
            </a:lvl4pPr>
            <a:lvl5pPr>
              <a:defRPr sz="1800">
                <a:solidFill>
                  <a:schemeClr val="tx1"/>
                </a:solidFill>
              </a:defRPr>
            </a:lvl5pPr>
          </a:lstStyle>
          <a:p>
            <a:pPr lvl="0"/>
            <a:r>
              <a:rPr lang="nl-NL" dirty="0"/>
              <a:t>Subkop maak je bold/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A60B8DCF-7E7A-B633-EE10-E323F9CD67EF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8125200" y="3818468"/>
            <a:ext cx="3430800" cy="2018461"/>
          </a:xfrm>
          <a:prstGeom prst="roundRect">
            <a:avLst>
              <a:gd name="adj" fmla="val 9438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162000" tIns="126000" rIns="126000" bIns="54000"/>
          <a:lstStyle>
            <a:lvl1pPr>
              <a:defRPr sz="1800" b="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tx1"/>
                </a:solidFill>
              </a:defRPr>
            </a:lvl2pPr>
            <a:lvl3pPr>
              <a:defRPr sz="1800">
                <a:solidFill>
                  <a:schemeClr val="tx1"/>
                </a:solidFill>
              </a:defRPr>
            </a:lvl3pPr>
            <a:lvl4pPr>
              <a:defRPr sz="1800">
                <a:solidFill>
                  <a:schemeClr val="tx1"/>
                </a:solidFill>
              </a:defRPr>
            </a:lvl4pPr>
            <a:lvl5pPr>
              <a:defRPr sz="1800">
                <a:solidFill>
                  <a:schemeClr val="tx1"/>
                </a:solidFill>
              </a:defRPr>
            </a:lvl5pPr>
          </a:lstStyle>
          <a:p>
            <a:pPr lvl="0"/>
            <a:r>
              <a:rPr lang="nl-NL" dirty="0"/>
              <a:t>Subkop maak je bold/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635000" y="6250882"/>
            <a:ext cx="360000" cy="179023"/>
          </a:xfrm>
        </p:spPr>
        <p:txBody>
          <a:bodyPr/>
          <a:lstStyle>
            <a:lvl1pPr>
              <a:defRPr>
                <a:solidFill>
                  <a:srgbClr val="00C300"/>
                </a:solidFill>
              </a:defRPr>
            </a:lvl1pPr>
          </a:lstStyle>
          <a:p>
            <a:fld id="{A978B2FF-0EC6-496A-9F3F-A37EF0BEACA5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0842C02-1D7F-97F2-5C5E-4EFCBD752B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Dit is een titel</a:t>
            </a:r>
          </a:p>
        </p:txBody>
      </p:sp>
    </p:spTree>
    <p:extLst>
      <p:ext uri="{BB962C8B-B14F-4D97-AF65-F5344CB8AC3E}">
        <p14:creationId xmlns:p14="http://schemas.microsoft.com/office/powerpoint/2010/main" val="36024060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rie teksten en drie grafiek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B7CEA407-2105-7434-F7C1-5AEE293428A7}"/>
              </a:ext>
            </a:extLst>
          </p:cNvPr>
          <p:cNvSpPr>
            <a:spLocks noGrp="1"/>
          </p:cNvSpPr>
          <p:nvPr>
            <p:ph idx="1" hasCustomPrompt="1"/>
          </p:nvPr>
        </p:nvSpPr>
        <p:spPr bwMode="gray">
          <a:xfrm>
            <a:off x="635007" y="1840332"/>
            <a:ext cx="3429399" cy="1246756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04F05A0E-1852-62AB-C92F-EA9E7AF5974E}"/>
              </a:ext>
            </a:extLst>
          </p:cNvPr>
          <p:cNvSpPr>
            <a:spLocks noGrp="1"/>
          </p:cNvSpPr>
          <p:nvPr>
            <p:ph idx="31" hasCustomPrompt="1"/>
          </p:nvPr>
        </p:nvSpPr>
        <p:spPr bwMode="gray">
          <a:xfrm>
            <a:off x="4381506" y="1840332"/>
            <a:ext cx="3429399" cy="1246756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D1C69826-7F73-FEEF-7180-7BC8CE3D9342}"/>
              </a:ext>
            </a:extLst>
          </p:cNvPr>
          <p:cNvSpPr>
            <a:spLocks noGrp="1"/>
          </p:cNvSpPr>
          <p:nvPr>
            <p:ph idx="33" hasCustomPrompt="1"/>
          </p:nvPr>
        </p:nvSpPr>
        <p:spPr bwMode="gray">
          <a:xfrm>
            <a:off x="8128005" y="1840332"/>
            <a:ext cx="3429399" cy="1246756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</p:txBody>
      </p:sp>
      <p:sp>
        <p:nvSpPr>
          <p:cNvPr id="15" name="Chart Placeholder 14">
            <a:extLst>
              <a:ext uri="{FF2B5EF4-FFF2-40B4-BE49-F238E27FC236}">
                <a16:creationId xmlns:a16="http://schemas.microsoft.com/office/drawing/2014/main" id="{15FF86CF-A193-E6C3-F5E6-F240B20E186C}"/>
              </a:ext>
            </a:extLst>
          </p:cNvPr>
          <p:cNvSpPr>
            <a:spLocks noGrp="1"/>
          </p:cNvSpPr>
          <p:nvPr>
            <p:ph type="chart" sz="quarter" idx="35" hasCustomPrompt="1"/>
          </p:nvPr>
        </p:nvSpPr>
        <p:spPr>
          <a:xfrm>
            <a:off x="633600" y="3420500"/>
            <a:ext cx="3430800" cy="2358000"/>
          </a:xfrm>
        </p:spPr>
        <p:txBody>
          <a:bodyPr lIns="1944000" tIns="0" rIns="360000" anchor="ctr"/>
          <a:lstStyle>
            <a:lvl1pPr>
              <a:buNone/>
              <a:defRPr sz="1600"/>
            </a:lvl1pPr>
          </a:lstStyle>
          <a:p>
            <a:pPr marL="0" marR="0" lvl="0" indent="0" algn="l" defTabSz="914397" rtl="0" eaLnBrk="1" fontAlgn="auto" latinLnBrk="0" hangingPunct="1">
              <a:lnSpc>
                <a:spcPct val="96000"/>
              </a:lnSpc>
              <a:spcBef>
                <a:spcPts val="4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nl-NL" dirty="0"/>
              <a:t>Klik op icoon om grafiek in te voegen</a:t>
            </a:r>
            <a:endParaRPr lang="nl-NL"/>
          </a:p>
        </p:txBody>
      </p:sp>
      <p:sp>
        <p:nvSpPr>
          <p:cNvPr id="17" name="Chart Placeholder 14">
            <a:extLst>
              <a:ext uri="{FF2B5EF4-FFF2-40B4-BE49-F238E27FC236}">
                <a16:creationId xmlns:a16="http://schemas.microsoft.com/office/drawing/2014/main" id="{B9EB60E3-29C4-79D6-8B07-8E4A23C9666E}"/>
              </a:ext>
            </a:extLst>
          </p:cNvPr>
          <p:cNvSpPr>
            <a:spLocks noGrp="1"/>
          </p:cNvSpPr>
          <p:nvPr>
            <p:ph type="chart" sz="quarter" idx="36" hasCustomPrompt="1"/>
          </p:nvPr>
        </p:nvSpPr>
        <p:spPr>
          <a:xfrm>
            <a:off x="4380099" y="3420500"/>
            <a:ext cx="3430800" cy="2358000"/>
          </a:xfrm>
        </p:spPr>
        <p:txBody>
          <a:bodyPr lIns="1944000" tIns="0" rIns="360000" anchor="ctr"/>
          <a:lstStyle>
            <a:lvl1pPr>
              <a:defRPr sz="1600"/>
            </a:lvl1pPr>
          </a:lstStyle>
          <a:p>
            <a:pPr marL="0" marR="0" lvl="0" indent="0" algn="l" defTabSz="914397" rtl="0" eaLnBrk="1" fontAlgn="auto" latinLnBrk="0" hangingPunct="1">
              <a:lnSpc>
                <a:spcPct val="96000"/>
              </a:lnSpc>
              <a:spcBef>
                <a:spcPts val="4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nl-NL" dirty="0"/>
              <a:t>Klik op icoon om grafiek in te voegen</a:t>
            </a:r>
            <a:endParaRPr lang="nl-NL"/>
          </a:p>
          <a:p>
            <a:endParaRPr lang="nl-NL" dirty="0"/>
          </a:p>
        </p:txBody>
      </p:sp>
      <p:sp>
        <p:nvSpPr>
          <p:cNvPr id="18" name="Chart Placeholder 14">
            <a:extLst>
              <a:ext uri="{FF2B5EF4-FFF2-40B4-BE49-F238E27FC236}">
                <a16:creationId xmlns:a16="http://schemas.microsoft.com/office/drawing/2014/main" id="{7979D214-EE1D-1F1F-55B8-01384130CFEA}"/>
              </a:ext>
            </a:extLst>
          </p:cNvPr>
          <p:cNvSpPr>
            <a:spLocks noGrp="1"/>
          </p:cNvSpPr>
          <p:nvPr>
            <p:ph type="chart" sz="quarter" idx="37" hasCustomPrompt="1"/>
          </p:nvPr>
        </p:nvSpPr>
        <p:spPr>
          <a:xfrm>
            <a:off x="8126598" y="3420500"/>
            <a:ext cx="3430800" cy="2358000"/>
          </a:xfrm>
        </p:spPr>
        <p:txBody>
          <a:bodyPr lIns="1944000" tIns="0" rIns="360000" anchor="ctr"/>
          <a:lstStyle>
            <a:lvl1pPr>
              <a:defRPr sz="1600"/>
            </a:lvl1pPr>
          </a:lstStyle>
          <a:p>
            <a:pPr marL="0" marR="0" lvl="0" indent="0" algn="l" defTabSz="914397" rtl="0" eaLnBrk="1" fontAlgn="auto" latinLnBrk="0" hangingPunct="1">
              <a:lnSpc>
                <a:spcPct val="96000"/>
              </a:lnSpc>
              <a:spcBef>
                <a:spcPts val="4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nl-NL" dirty="0"/>
              <a:t>Klik op icoon om grafiek in te voegen</a:t>
            </a:r>
            <a:endParaRPr lang="nl-NL"/>
          </a:p>
          <a:p>
            <a:endParaRPr lang="nl-NL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3891C83E-166D-301E-1DFB-C8D6AC95286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3691DAA-2AF0-DCE5-C339-E78DB7BC541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49617246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ussenslide">
    <p:bg>
      <p:bgPr>
        <a:solidFill>
          <a:srgbClr val="00C3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7EE52F9B-7373-49D3-BFD0-76CC573858A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016356" y="6250870"/>
            <a:ext cx="4920892" cy="21480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alpha val="0"/>
                  </a:schemeClr>
                </a:solidFill>
              </a:defRPr>
            </a:lvl1pPr>
          </a:lstStyle>
          <a:p>
            <a:r>
              <a:rPr lang="nl-NL" dirty="0"/>
              <a:t>KPN presentatie titel</a:t>
            </a:r>
            <a:endParaRPr lang="nl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C016EC-DC54-4C4A-966C-68352C22C0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>
                    <a:alpha val="0"/>
                  </a:schemeClr>
                </a:solidFill>
              </a:defRPr>
            </a:lvl1pPr>
          </a:lstStyle>
          <a:p>
            <a:fld id="{A978B2FF-0EC6-496A-9F3F-A37EF0BEACA5}" type="slidenum">
              <a:rPr lang="nl-NL" smtClean="0"/>
              <a:pPr/>
              <a:t>‹#›</a:t>
            </a:fld>
            <a:endParaRPr lang="nl-NL" dirty="0"/>
          </a:p>
        </p:txBody>
      </p:sp>
      <p:pic>
        <p:nvPicPr>
          <p:cNvPr id="4" name="Afbeelding 3" descr="Afbeelding met Graphics, Lettertype, logo, grafische vormgeving&#10;&#10;Automatisch gegenereerde beschrijving">
            <a:extLst>
              <a:ext uri="{FF2B5EF4-FFF2-40B4-BE49-F238E27FC236}">
                <a16:creationId xmlns:a16="http://schemas.microsoft.com/office/drawing/2014/main" id="{59971A32-F219-A605-4FC2-ED60E6553E3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407606" y="5857200"/>
            <a:ext cx="1515083" cy="838800"/>
          </a:xfrm>
          <a:prstGeom prst="rect">
            <a:avLst/>
          </a:prstGeom>
        </p:spPr>
      </p:pic>
      <p:sp>
        <p:nvSpPr>
          <p:cNvPr id="6" name="Subtitle 2">
            <a:extLst>
              <a:ext uri="{FF2B5EF4-FFF2-40B4-BE49-F238E27FC236}">
                <a16:creationId xmlns:a16="http://schemas.microsoft.com/office/drawing/2014/main" id="{11BB1E5E-159B-4CE5-AC9D-D4B3E1F182F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 bwMode="white">
          <a:xfrm>
            <a:off x="636325" y="3810737"/>
            <a:ext cx="8110800" cy="399928"/>
          </a:xfrm>
        </p:spPr>
        <p:txBody>
          <a:bodyPr anchor="t" anchorCtr="0"/>
          <a:lstStyle>
            <a:lvl1pPr marL="0" indent="0" algn="l">
              <a:lnSpc>
                <a:spcPct val="83000"/>
              </a:lnSpc>
              <a:buNone/>
              <a:defRPr sz="2800" b="0">
                <a:solidFill>
                  <a:schemeClr val="bg1"/>
                </a:solidFill>
                <a:latin typeface="KPN" panose="020B0504010101010104" pitchFamily="34" charset="0"/>
              </a:defRPr>
            </a:lvl1pPr>
            <a:lvl2pPr marL="457200" indent="0" algn="ctr">
              <a:buNone/>
              <a:defRPr sz="2000"/>
            </a:lvl2pPr>
            <a:lvl3pPr marL="914397" indent="0" algn="ctr">
              <a:buNone/>
              <a:defRPr sz="1800"/>
            </a:lvl3pPr>
            <a:lvl4pPr marL="1371594" indent="0" algn="ctr">
              <a:buNone/>
              <a:defRPr sz="1600"/>
            </a:lvl4pPr>
            <a:lvl5pPr marL="1828794" indent="0" algn="ctr">
              <a:buNone/>
              <a:defRPr sz="1600"/>
            </a:lvl5pPr>
            <a:lvl6pPr marL="2285994" indent="0" algn="ctr">
              <a:buNone/>
              <a:defRPr sz="1600"/>
            </a:lvl6pPr>
            <a:lvl7pPr marL="2743191" indent="0" algn="ctr">
              <a:buNone/>
              <a:defRPr sz="1600"/>
            </a:lvl7pPr>
            <a:lvl8pPr marL="3200391" indent="0" algn="ctr">
              <a:buNone/>
              <a:defRPr sz="1600"/>
            </a:lvl8pPr>
            <a:lvl9pPr marL="3657588" indent="0" algn="ctr">
              <a:buNone/>
              <a:defRPr sz="1600"/>
            </a:lvl9pPr>
          </a:lstStyle>
          <a:p>
            <a:r>
              <a:rPr lang="nl-NL" dirty="0"/>
              <a:t>Bewerk subtit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2CDEE-01F3-C62C-15AE-33BD6623F32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633606" y="2534519"/>
            <a:ext cx="8110800" cy="1151235"/>
          </a:xfrm>
        </p:spPr>
        <p:txBody>
          <a:bodyPr anchor="b" anchorCtr="0">
            <a:noAutofit/>
          </a:bodyPr>
          <a:lstStyle>
            <a:lvl1pPr algn="l">
              <a:lnSpc>
                <a:spcPct val="70000"/>
              </a:lnSpc>
              <a:defRPr sz="7500">
                <a:solidFill>
                  <a:schemeClr val="bg1"/>
                </a:solidFill>
                <a:latin typeface="KPN Black" panose="020B0A04010101010104" pitchFamily="34" charset="0"/>
              </a:defRPr>
            </a:lvl1pPr>
          </a:lstStyle>
          <a:p>
            <a:r>
              <a:rPr lang="nl-NL" dirty="0"/>
              <a:t>Dit is een titel</a:t>
            </a:r>
          </a:p>
        </p:txBody>
      </p:sp>
    </p:spTree>
    <p:extLst>
      <p:ext uri="{BB962C8B-B14F-4D97-AF65-F5344CB8AC3E}">
        <p14:creationId xmlns:p14="http://schemas.microsoft.com/office/powerpoint/2010/main" val="763082993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tekst half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2" name="Rectangle 41">
            <a:extLst>
              <a:ext uri="{FF2B5EF4-FFF2-40B4-BE49-F238E27FC236}">
                <a16:creationId xmlns:a16="http://schemas.microsoft.com/office/drawing/2014/main" id="{6D0A8464-FB51-EA2D-4479-6936ACC0D160}"/>
              </a:ext>
            </a:extLst>
          </p:cNvPr>
          <p:cNvSpPr/>
          <p:nvPr userDrawn="1"/>
        </p:nvSpPr>
        <p:spPr>
          <a:xfrm>
            <a:off x="10145522" y="5765800"/>
            <a:ext cx="1906503" cy="9144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sz="1800"/>
          </a:p>
        </p:txBody>
      </p:sp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E35B4BFA-432A-163F-04FE-F30286F319C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35001" y="1840334"/>
            <a:ext cx="5302249" cy="3940189"/>
          </a:xfrm>
        </p:spPr>
        <p:txBody>
          <a:bodyPr numCol="1" spcCol="316800"/>
          <a:lstStyle>
            <a:lvl1pPr>
              <a:defRPr/>
            </a:lvl1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381613A-901D-19BC-7E18-0C1345E27AC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3606" y="605631"/>
            <a:ext cx="5303650" cy="604039"/>
          </a:xfrm>
        </p:spPr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41" name="Picture Placeholder 40">
            <a:extLst>
              <a:ext uri="{FF2B5EF4-FFF2-40B4-BE49-F238E27FC236}">
                <a16:creationId xmlns:a16="http://schemas.microsoft.com/office/drawing/2014/main" id="{686914FA-EA70-4463-3238-64732AE1A21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4" hasCustomPrompt="1"/>
          </p:nvPr>
        </p:nvSpPr>
        <p:spPr bwMode="gray">
          <a:xfrm>
            <a:off x="6254750" y="1"/>
            <a:ext cx="5937250" cy="6857998"/>
          </a:xfrm>
          <a:custGeom>
            <a:avLst/>
            <a:gdLst>
              <a:gd name="connsiteX0" fmla="*/ 4559774 w 5937250"/>
              <a:gd name="connsiteY0" fmla="*/ 6340879 h 6857998"/>
              <a:gd name="connsiteX1" fmla="*/ 4492234 w 5937250"/>
              <a:gd name="connsiteY1" fmla="*/ 6350208 h 6857998"/>
              <a:gd name="connsiteX2" fmla="*/ 4500963 w 5937250"/>
              <a:gd name="connsiteY2" fmla="*/ 6376395 h 6857998"/>
              <a:gd name="connsiteX3" fmla="*/ 4504673 w 5937250"/>
              <a:gd name="connsiteY3" fmla="*/ 6375522 h 6857998"/>
              <a:gd name="connsiteX4" fmla="*/ 4618585 w 5937250"/>
              <a:gd name="connsiteY4" fmla="*/ 6376395 h 6857998"/>
              <a:gd name="connsiteX5" fmla="*/ 4627314 w 5937250"/>
              <a:gd name="connsiteY5" fmla="*/ 6350208 h 6857998"/>
              <a:gd name="connsiteX6" fmla="*/ 4559774 w 5937250"/>
              <a:gd name="connsiteY6" fmla="*/ 6340879 h 6857998"/>
              <a:gd name="connsiteX7" fmla="*/ 4629278 w 5937250"/>
              <a:gd name="connsiteY7" fmla="*/ 6268593 h 6857998"/>
              <a:gd name="connsiteX8" fmla="*/ 4627096 w 5937250"/>
              <a:gd name="connsiteY8" fmla="*/ 6289978 h 6857998"/>
              <a:gd name="connsiteX9" fmla="*/ 4630588 w 5937250"/>
              <a:gd name="connsiteY9" fmla="*/ 6290633 h 6857998"/>
              <a:gd name="connsiteX10" fmla="*/ 4635607 w 5937250"/>
              <a:gd name="connsiteY10" fmla="*/ 6295434 h 6857998"/>
              <a:gd name="connsiteX11" fmla="*/ 4612912 w 5937250"/>
              <a:gd name="connsiteY11" fmla="*/ 6324022 h 6857998"/>
              <a:gd name="connsiteX12" fmla="*/ 4608329 w 5937250"/>
              <a:gd name="connsiteY12" fmla="*/ 6328604 h 6857998"/>
              <a:gd name="connsiteX13" fmla="*/ 4635607 w 5937250"/>
              <a:gd name="connsiteY13" fmla="*/ 6335587 h 6857998"/>
              <a:gd name="connsiteX14" fmla="*/ 4662448 w 5937250"/>
              <a:gd name="connsiteY14" fmla="*/ 6293688 h 6857998"/>
              <a:gd name="connsiteX15" fmla="*/ 4629278 w 5937250"/>
              <a:gd name="connsiteY15" fmla="*/ 6268593 h 6857998"/>
              <a:gd name="connsiteX16" fmla="*/ 4487215 w 5937250"/>
              <a:gd name="connsiteY16" fmla="*/ 6268374 h 6857998"/>
              <a:gd name="connsiteX17" fmla="*/ 4457319 w 5937250"/>
              <a:gd name="connsiteY17" fmla="*/ 6293688 h 6857998"/>
              <a:gd name="connsiteX18" fmla="*/ 4484160 w 5937250"/>
              <a:gd name="connsiteY18" fmla="*/ 6335587 h 6857998"/>
              <a:gd name="connsiteX19" fmla="*/ 4511438 w 5937250"/>
              <a:gd name="connsiteY19" fmla="*/ 6328604 h 6857998"/>
              <a:gd name="connsiteX20" fmla="*/ 4484160 w 5937250"/>
              <a:gd name="connsiteY20" fmla="*/ 6295216 h 6857998"/>
              <a:gd name="connsiteX21" fmla="*/ 4489180 w 5937250"/>
              <a:gd name="connsiteY21" fmla="*/ 6290415 h 6857998"/>
              <a:gd name="connsiteX22" fmla="*/ 4492671 w 5937250"/>
              <a:gd name="connsiteY22" fmla="*/ 6289760 h 6857998"/>
              <a:gd name="connsiteX23" fmla="*/ 4490489 w 5937250"/>
              <a:gd name="connsiteY23" fmla="*/ 6268374 h 6857998"/>
              <a:gd name="connsiteX24" fmla="*/ 4398170 w 5937250"/>
              <a:gd name="connsiteY24" fmla="*/ 6255281 h 6857998"/>
              <a:gd name="connsiteX25" fmla="*/ 4360854 w 5937250"/>
              <a:gd name="connsiteY25" fmla="*/ 6325331 h 6857998"/>
              <a:gd name="connsiteX26" fmla="*/ 4393151 w 5937250"/>
              <a:gd name="connsiteY26" fmla="*/ 6390580 h 6857998"/>
              <a:gd name="connsiteX27" fmla="*/ 4602426 w 5937250"/>
              <a:gd name="connsiteY27" fmla="*/ 6434879 h 6857998"/>
              <a:gd name="connsiteX28" fmla="*/ 4579077 w 5937250"/>
              <a:gd name="connsiteY28" fmla="*/ 6411093 h 6857998"/>
              <a:gd name="connsiteX29" fmla="*/ 4414973 w 5937250"/>
              <a:gd name="connsiteY29" fmla="*/ 6368539 h 6857998"/>
              <a:gd name="connsiteX30" fmla="*/ 4391842 w 5937250"/>
              <a:gd name="connsiteY30" fmla="*/ 6325331 h 6857998"/>
              <a:gd name="connsiteX31" fmla="*/ 4409736 w 5937250"/>
              <a:gd name="connsiteY31" fmla="*/ 6285178 h 6857998"/>
              <a:gd name="connsiteX32" fmla="*/ 4398170 w 5937250"/>
              <a:gd name="connsiteY32" fmla="*/ 6255281 h 6857998"/>
              <a:gd name="connsiteX33" fmla="*/ 5125157 w 5937250"/>
              <a:gd name="connsiteY33" fmla="*/ 6243128 h 6857998"/>
              <a:gd name="connsiteX34" fmla="*/ 5169163 w 5937250"/>
              <a:gd name="connsiteY34" fmla="*/ 6294560 h 6857998"/>
              <a:gd name="connsiteX35" fmla="*/ 5125300 w 5937250"/>
              <a:gd name="connsiteY35" fmla="*/ 6348243 h 6857998"/>
              <a:gd name="connsiteX36" fmla="*/ 5099768 w 5937250"/>
              <a:gd name="connsiteY36" fmla="*/ 6344315 h 6857998"/>
              <a:gd name="connsiteX37" fmla="*/ 5099768 w 5937250"/>
              <a:gd name="connsiteY37" fmla="*/ 6248733 h 6857998"/>
              <a:gd name="connsiteX38" fmla="*/ 5125157 w 5937250"/>
              <a:gd name="connsiteY38" fmla="*/ 6243128 h 6857998"/>
              <a:gd name="connsiteX39" fmla="*/ 4568831 w 5937250"/>
              <a:gd name="connsiteY39" fmla="*/ 6240878 h 6857998"/>
              <a:gd name="connsiteX40" fmla="*/ 4568831 w 5937250"/>
              <a:gd name="connsiteY40" fmla="*/ 6264664 h 6857998"/>
              <a:gd name="connsiteX41" fmla="*/ 4587380 w 5937250"/>
              <a:gd name="connsiteY41" fmla="*/ 6274266 h 6857998"/>
              <a:gd name="connsiteX42" fmla="*/ 4568394 w 5937250"/>
              <a:gd name="connsiteY42" fmla="*/ 6320529 h 6857998"/>
              <a:gd name="connsiteX43" fmla="*/ 4565994 w 5937250"/>
              <a:gd name="connsiteY43" fmla="*/ 6325548 h 6857998"/>
              <a:gd name="connsiteX44" fmla="*/ 4594582 w 5937250"/>
              <a:gd name="connsiteY44" fmla="*/ 6327730 h 6857998"/>
              <a:gd name="connsiteX45" fmla="*/ 4615749 w 5937250"/>
              <a:gd name="connsiteY45" fmla="*/ 6269029 h 6857998"/>
              <a:gd name="connsiteX46" fmla="*/ 4568831 w 5937250"/>
              <a:gd name="connsiteY46" fmla="*/ 6240878 h 6857998"/>
              <a:gd name="connsiteX47" fmla="*/ 4533449 w 5937250"/>
              <a:gd name="connsiteY47" fmla="*/ 6238559 h 6857998"/>
              <a:gd name="connsiteX48" fmla="*/ 4504019 w 5937250"/>
              <a:gd name="connsiteY48" fmla="*/ 6269247 h 6857998"/>
              <a:gd name="connsiteX49" fmla="*/ 4525187 w 5937250"/>
              <a:gd name="connsiteY49" fmla="*/ 6327950 h 6857998"/>
              <a:gd name="connsiteX50" fmla="*/ 4553774 w 5937250"/>
              <a:gd name="connsiteY50" fmla="*/ 6325767 h 6857998"/>
              <a:gd name="connsiteX51" fmla="*/ 4551155 w 5937250"/>
              <a:gd name="connsiteY51" fmla="*/ 6320967 h 6857998"/>
              <a:gd name="connsiteX52" fmla="*/ 4532170 w 5937250"/>
              <a:gd name="connsiteY52" fmla="*/ 6274703 h 6857998"/>
              <a:gd name="connsiteX53" fmla="*/ 4550719 w 5937250"/>
              <a:gd name="connsiteY53" fmla="*/ 6265101 h 6857998"/>
              <a:gd name="connsiteX54" fmla="*/ 4550719 w 5937250"/>
              <a:gd name="connsiteY54" fmla="*/ 6241315 h 6857998"/>
              <a:gd name="connsiteX55" fmla="*/ 4533449 w 5937250"/>
              <a:gd name="connsiteY55" fmla="*/ 6238559 h 6857998"/>
              <a:gd name="connsiteX56" fmla="*/ 5362943 w 5937250"/>
              <a:gd name="connsiteY56" fmla="*/ 6200725 h 6857998"/>
              <a:gd name="connsiteX57" fmla="*/ 5275436 w 5937250"/>
              <a:gd name="connsiteY57" fmla="*/ 6217092 h 6857998"/>
              <a:gd name="connsiteX58" fmla="*/ 5275436 w 5937250"/>
              <a:gd name="connsiteY58" fmla="*/ 6386869 h 6857998"/>
              <a:gd name="connsiteX59" fmla="*/ 5332392 w 5937250"/>
              <a:gd name="connsiteY59" fmla="*/ 6386869 h 6857998"/>
              <a:gd name="connsiteX60" fmla="*/ 5332392 w 5937250"/>
              <a:gd name="connsiteY60" fmla="*/ 6250480 h 6857998"/>
              <a:gd name="connsiteX61" fmla="*/ 5361634 w 5937250"/>
              <a:gd name="connsiteY61" fmla="*/ 6244806 h 6857998"/>
              <a:gd name="connsiteX62" fmla="*/ 5398296 w 5937250"/>
              <a:gd name="connsiteY62" fmla="*/ 6298271 h 6857998"/>
              <a:gd name="connsiteX63" fmla="*/ 5398296 w 5937250"/>
              <a:gd name="connsiteY63" fmla="*/ 6386869 h 6857998"/>
              <a:gd name="connsiteX64" fmla="*/ 5455252 w 5937250"/>
              <a:gd name="connsiteY64" fmla="*/ 6386869 h 6857998"/>
              <a:gd name="connsiteX65" fmla="*/ 5455252 w 5937250"/>
              <a:gd name="connsiteY65" fmla="*/ 6289978 h 6857998"/>
              <a:gd name="connsiteX66" fmla="*/ 5362943 w 5937250"/>
              <a:gd name="connsiteY66" fmla="*/ 6200725 h 6857998"/>
              <a:gd name="connsiteX67" fmla="*/ 5128137 w 5937250"/>
              <a:gd name="connsiteY67" fmla="*/ 6199851 h 6857998"/>
              <a:gd name="connsiteX68" fmla="*/ 5042812 w 5937250"/>
              <a:gd name="connsiteY68" fmla="*/ 6216218 h 6857998"/>
              <a:gd name="connsiteX69" fmla="*/ 5042812 w 5937250"/>
              <a:gd name="connsiteY69" fmla="*/ 6456046 h 6857998"/>
              <a:gd name="connsiteX70" fmla="*/ 5099768 w 5937250"/>
              <a:gd name="connsiteY70" fmla="*/ 6456046 h 6857998"/>
              <a:gd name="connsiteX71" fmla="*/ 5099768 w 5937250"/>
              <a:gd name="connsiteY71" fmla="*/ 6387523 h 6857998"/>
              <a:gd name="connsiteX72" fmla="*/ 5227865 w 5937250"/>
              <a:gd name="connsiteY72" fmla="*/ 6294342 h 6857998"/>
              <a:gd name="connsiteX73" fmla="*/ 5128137 w 5937250"/>
              <a:gd name="connsiteY73" fmla="*/ 6199851 h 6857998"/>
              <a:gd name="connsiteX74" fmla="*/ 4652402 w 5937250"/>
              <a:gd name="connsiteY74" fmla="*/ 6194615 h 6857998"/>
              <a:gd name="connsiteX75" fmla="*/ 4623159 w 5937250"/>
              <a:gd name="connsiteY75" fmla="*/ 6197233 h 6857998"/>
              <a:gd name="connsiteX76" fmla="*/ 4631452 w 5937250"/>
              <a:gd name="connsiteY76" fmla="*/ 6227785 h 6857998"/>
              <a:gd name="connsiteX77" fmla="*/ 4652402 w 5937250"/>
              <a:gd name="connsiteY77" fmla="*/ 6226039 h 6857998"/>
              <a:gd name="connsiteX78" fmla="*/ 4717432 w 5937250"/>
              <a:gd name="connsiteY78" fmla="*/ 6276885 h 6857998"/>
              <a:gd name="connsiteX79" fmla="*/ 4701501 w 5937250"/>
              <a:gd name="connsiteY79" fmla="*/ 6330786 h 6857998"/>
              <a:gd name="connsiteX80" fmla="*/ 4686226 w 5937250"/>
              <a:gd name="connsiteY80" fmla="*/ 6375522 h 6857998"/>
              <a:gd name="connsiteX81" fmla="*/ 4617922 w 5937250"/>
              <a:gd name="connsiteY81" fmla="*/ 6448190 h 6857998"/>
              <a:gd name="connsiteX82" fmla="*/ 4584316 w 5937250"/>
              <a:gd name="connsiteY82" fmla="*/ 6461502 h 6857998"/>
              <a:gd name="connsiteX83" fmla="*/ 4638217 w 5937250"/>
              <a:gd name="connsiteY83" fmla="*/ 6485724 h 6857998"/>
              <a:gd name="connsiteX84" fmla="*/ 4716340 w 5937250"/>
              <a:gd name="connsiteY84" fmla="*/ 6382941 h 6857998"/>
              <a:gd name="connsiteX85" fmla="*/ 4748419 w 5937250"/>
              <a:gd name="connsiteY85" fmla="*/ 6276667 h 6857998"/>
              <a:gd name="connsiteX86" fmla="*/ 4652402 w 5937250"/>
              <a:gd name="connsiteY86" fmla="*/ 6194615 h 6857998"/>
              <a:gd name="connsiteX87" fmla="*/ 4559884 w 5937250"/>
              <a:gd name="connsiteY87" fmla="*/ 6186540 h 6857998"/>
              <a:gd name="connsiteX88" fmla="*/ 4538717 w 5937250"/>
              <a:gd name="connsiteY88" fmla="*/ 6208581 h 6857998"/>
              <a:gd name="connsiteX89" fmla="*/ 4559884 w 5937250"/>
              <a:gd name="connsiteY89" fmla="*/ 6230621 h 6857998"/>
              <a:gd name="connsiteX90" fmla="*/ 4581053 w 5937250"/>
              <a:gd name="connsiteY90" fmla="*/ 6208581 h 6857998"/>
              <a:gd name="connsiteX91" fmla="*/ 4818695 w 5937250"/>
              <a:gd name="connsiteY91" fmla="*/ 6136566 h 6857998"/>
              <a:gd name="connsiteX92" fmla="*/ 4818695 w 5937250"/>
              <a:gd name="connsiteY92" fmla="*/ 6385996 h 6857998"/>
              <a:gd name="connsiteX93" fmla="*/ 4875652 w 5937250"/>
              <a:gd name="connsiteY93" fmla="*/ 6385996 h 6857998"/>
              <a:gd name="connsiteX94" fmla="*/ 4875652 w 5937250"/>
              <a:gd name="connsiteY94" fmla="*/ 6287794 h 6857998"/>
              <a:gd name="connsiteX95" fmla="*/ 4940901 w 5937250"/>
              <a:gd name="connsiteY95" fmla="*/ 6385994 h 6857998"/>
              <a:gd name="connsiteX96" fmla="*/ 5008333 w 5937250"/>
              <a:gd name="connsiteY96" fmla="*/ 6385994 h 6857998"/>
              <a:gd name="connsiteX97" fmla="*/ 4937628 w 5937250"/>
              <a:gd name="connsiteY97" fmla="*/ 6285830 h 6857998"/>
              <a:gd name="connsiteX98" fmla="*/ 5002440 w 5937250"/>
              <a:gd name="connsiteY98" fmla="*/ 6206397 h 6857998"/>
              <a:gd name="connsiteX99" fmla="*/ 4937628 w 5937250"/>
              <a:gd name="connsiteY99" fmla="*/ 6206397 h 6857998"/>
              <a:gd name="connsiteX100" fmla="*/ 4875652 w 5937250"/>
              <a:gd name="connsiteY100" fmla="*/ 6287794 h 6857998"/>
              <a:gd name="connsiteX101" fmla="*/ 4875652 w 5937250"/>
              <a:gd name="connsiteY101" fmla="*/ 6136566 h 6857998"/>
              <a:gd name="connsiteX102" fmla="*/ 4495290 w 5937250"/>
              <a:gd name="connsiteY102" fmla="*/ 6068263 h 6857998"/>
              <a:gd name="connsiteX103" fmla="*/ 4405164 w 5937250"/>
              <a:gd name="connsiteY103" fmla="*/ 6195051 h 6857998"/>
              <a:gd name="connsiteX104" fmla="*/ 4425022 w 5937250"/>
              <a:gd name="connsiteY104" fmla="*/ 6273393 h 6857998"/>
              <a:gd name="connsiteX105" fmla="*/ 4452082 w 5937250"/>
              <a:gd name="connsiteY105" fmla="*/ 6257245 h 6857998"/>
              <a:gd name="connsiteX106" fmla="*/ 4436370 w 5937250"/>
              <a:gd name="connsiteY106" fmla="*/ 6195051 h 6857998"/>
              <a:gd name="connsiteX107" fmla="*/ 4460374 w 5937250"/>
              <a:gd name="connsiteY107" fmla="*/ 6114090 h 6857998"/>
              <a:gd name="connsiteX108" fmla="*/ 4613785 w 5937250"/>
              <a:gd name="connsiteY108" fmla="*/ 6179557 h 6857998"/>
              <a:gd name="connsiteX109" fmla="*/ 4648701 w 5937250"/>
              <a:gd name="connsiteY109" fmla="*/ 6175847 h 6857998"/>
              <a:gd name="connsiteX110" fmla="*/ 4495290 w 5937250"/>
              <a:gd name="connsiteY110" fmla="*/ 6068263 h 6857998"/>
              <a:gd name="connsiteX111" fmla="*/ 0 w 5937250"/>
              <a:gd name="connsiteY111" fmla="*/ 0 h 6857998"/>
              <a:gd name="connsiteX112" fmla="*/ 5937250 w 5937250"/>
              <a:gd name="connsiteY112" fmla="*/ 0 h 6857998"/>
              <a:gd name="connsiteX113" fmla="*/ 5937250 w 5937250"/>
              <a:gd name="connsiteY113" fmla="*/ 6857998 h 6857998"/>
              <a:gd name="connsiteX114" fmla="*/ 0 w 5937250"/>
              <a:gd name="connsiteY114" fmla="*/ 6857998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</a:cxnLst>
            <a:rect l="l" t="t" r="r" b="b"/>
            <a:pathLst>
              <a:path w="5937250" h="6857998">
                <a:moveTo>
                  <a:pt x="4559774" y="6340879"/>
                </a:moveTo>
                <a:cubicBezTo>
                  <a:pt x="4536860" y="6340879"/>
                  <a:pt x="4513947" y="6343989"/>
                  <a:pt x="4492234" y="6350208"/>
                </a:cubicBezTo>
                <a:lnTo>
                  <a:pt x="4500963" y="6376395"/>
                </a:lnTo>
                <a:lnTo>
                  <a:pt x="4504673" y="6375522"/>
                </a:lnTo>
                <a:cubicBezTo>
                  <a:pt x="4541553" y="6365484"/>
                  <a:pt x="4581706" y="6365920"/>
                  <a:pt x="4618585" y="6376395"/>
                </a:cubicBezTo>
                <a:lnTo>
                  <a:pt x="4627314" y="6350208"/>
                </a:lnTo>
                <a:cubicBezTo>
                  <a:pt x="4605601" y="6343989"/>
                  <a:pt x="4582688" y="6340879"/>
                  <a:pt x="4559774" y="6340879"/>
                </a:cubicBezTo>
                <a:close/>
                <a:moveTo>
                  <a:pt x="4629278" y="6268593"/>
                </a:moveTo>
                <a:cubicBezTo>
                  <a:pt x="4629715" y="6275575"/>
                  <a:pt x="4628842" y="6282777"/>
                  <a:pt x="4627096" y="6289978"/>
                </a:cubicBezTo>
                <a:lnTo>
                  <a:pt x="4630588" y="6290633"/>
                </a:lnTo>
                <a:cubicBezTo>
                  <a:pt x="4635607" y="6291506"/>
                  <a:pt x="4635607" y="6294343"/>
                  <a:pt x="4635607" y="6295434"/>
                </a:cubicBezTo>
                <a:cubicBezTo>
                  <a:pt x="4635607" y="6300016"/>
                  <a:pt x="4632333" y="6305254"/>
                  <a:pt x="4612912" y="6324022"/>
                </a:cubicBezTo>
                <a:lnTo>
                  <a:pt x="4608329" y="6328604"/>
                </a:lnTo>
                <a:cubicBezTo>
                  <a:pt x="4617494" y="6330350"/>
                  <a:pt x="4627096" y="6332750"/>
                  <a:pt x="4635607" y="6335587"/>
                </a:cubicBezTo>
                <a:cubicBezTo>
                  <a:pt x="4656338" y="6317693"/>
                  <a:pt x="4663103" y="6304599"/>
                  <a:pt x="4662448" y="6293688"/>
                </a:cubicBezTo>
                <a:cubicBezTo>
                  <a:pt x="4662667" y="6276885"/>
                  <a:pt x="4647173" y="6266847"/>
                  <a:pt x="4629278" y="6268593"/>
                </a:cubicBezTo>
                <a:close/>
                <a:moveTo>
                  <a:pt x="4487215" y="6268374"/>
                </a:moveTo>
                <a:cubicBezTo>
                  <a:pt x="4470194" y="6267719"/>
                  <a:pt x="4457319" y="6278412"/>
                  <a:pt x="4457319" y="6293688"/>
                </a:cubicBezTo>
                <a:cubicBezTo>
                  <a:pt x="4456664" y="6304599"/>
                  <a:pt x="4463429" y="6317693"/>
                  <a:pt x="4484160" y="6335587"/>
                </a:cubicBezTo>
                <a:cubicBezTo>
                  <a:pt x="4492671" y="6332750"/>
                  <a:pt x="4502273" y="6330568"/>
                  <a:pt x="4511438" y="6328604"/>
                </a:cubicBezTo>
                <a:cubicBezTo>
                  <a:pt x="4495071" y="6313110"/>
                  <a:pt x="4482851" y="6300235"/>
                  <a:pt x="4484160" y="6295216"/>
                </a:cubicBezTo>
                <a:cubicBezTo>
                  <a:pt x="4484160" y="6294125"/>
                  <a:pt x="4484160" y="6291506"/>
                  <a:pt x="4489180" y="6290415"/>
                </a:cubicBezTo>
                <a:lnTo>
                  <a:pt x="4492671" y="6289760"/>
                </a:lnTo>
                <a:cubicBezTo>
                  <a:pt x="4490707" y="6282558"/>
                  <a:pt x="4489834" y="6275357"/>
                  <a:pt x="4490489" y="6268374"/>
                </a:cubicBezTo>
                <a:close/>
                <a:moveTo>
                  <a:pt x="4398170" y="6255281"/>
                </a:moveTo>
                <a:cubicBezTo>
                  <a:pt x="4373511" y="6271430"/>
                  <a:pt x="4360854" y="6295216"/>
                  <a:pt x="4360854" y="6325331"/>
                </a:cubicBezTo>
                <a:cubicBezTo>
                  <a:pt x="4360854" y="6346499"/>
                  <a:pt x="4372202" y="6369630"/>
                  <a:pt x="4393151" y="6390580"/>
                </a:cubicBezTo>
                <a:cubicBezTo>
                  <a:pt x="4434177" y="6433788"/>
                  <a:pt x="4530849" y="6471759"/>
                  <a:pt x="4602426" y="6434879"/>
                </a:cubicBezTo>
                <a:cubicBezTo>
                  <a:pt x="4594570" y="6427241"/>
                  <a:pt x="4586714" y="6419385"/>
                  <a:pt x="4579077" y="6411093"/>
                </a:cubicBezTo>
                <a:cubicBezTo>
                  <a:pt x="4524084" y="6431824"/>
                  <a:pt x="4455126" y="6407601"/>
                  <a:pt x="4414973" y="6368539"/>
                </a:cubicBezTo>
                <a:cubicBezTo>
                  <a:pt x="4400571" y="6354136"/>
                  <a:pt x="4391842" y="6337988"/>
                  <a:pt x="4391842" y="6325331"/>
                </a:cubicBezTo>
                <a:cubicBezTo>
                  <a:pt x="4391842" y="6307655"/>
                  <a:pt x="4397515" y="6294998"/>
                  <a:pt x="4409736" y="6285178"/>
                </a:cubicBezTo>
                <a:cubicBezTo>
                  <a:pt x="4405808" y="6275576"/>
                  <a:pt x="4401662" y="6265320"/>
                  <a:pt x="4398170" y="6255281"/>
                </a:cubicBezTo>
                <a:close/>
                <a:moveTo>
                  <a:pt x="5125157" y="6243128"/>
                </a:moveTo>
                <a:cubicBezTo>
                  <a:pt x="5149646" y="6242350"/>
                  <a:pt x="5169654" y="6256917"/>
                  <a:pt x="5169163" y="6294560"/>
                </a:cubicBezTo>
                <a:cubicBezTo>
                  <a:pt x="5168945" y="6329258"/>
                  <a:pt x="5156069" y="6348243"/>
                  <a:pt x="5125300" y="6348243"/>
                </a:cubicBezTo>
                <a:cubicBezTo>
                  <a:pt x="5116571" y="6348243"/>
                  <a:pt x="5105442" y="6346498"/>
                  <a:pt x="5099768" y="6344315"/>
                </a:cubicBezTo>
                <a:lnTo>
                  <a:pt x="5099768" y="6248733"/>
                </a:lnTo>
                <a:cubicBezTo>
                  <a:pt x="5108333" y="6245351"/>
                  <a:pt x="5116994" y="6243387"/>
                  <a:pt x="5125157" y="6243128"/>
                </a:cubicBezTo>
                <a:close/>
                <a:moveTo>
                  <a:pt x="4568831" y="6240878"/>
                </a:moveTo>
                <a:lnTo>
                  <a:pt x="4568831" y="6264664"/>
                </a:lnTo>
                <a:cubicBezTo>
                  <a:pt x="4579306" y="6263573"/>
                  <a:pt x="4587598" y="6264446"/>
                  <a:pt x="4587380" y="6274266"/>
                </a:cubicBezTo>
                <a:cubicBezTo>
                  <a:pt x="4587380" y="6280813"/>
                  <a:pt x="4584325" y="6289978"/>
                  <a:pt x="4568394" y="6320529"/>
                </a:cubicBezTo>
                <a:lnTo>
                  <a:pt x="4565994" y="6325548"/>
                </a:lnTo>
                <a:cubicBezTo>
                  <a:pt x="4575378" y="6325767"/>
                  <a:pt x="4584761" y="6326421"/>
                  <a:pt x="4594582" y="6327730"/>
                </a:cubicBezTo>
                <a:cubicBezTo>
                  <a:pt x="4609857" y="6303726"/>
                  <a:pt x="4617713" y="6283431"/>
                  <a:pt x="4615749" y="6269029"/>
                </a:cubicBezTo>
                <a:cubicBezTo>
                  <a:pt x="4613130" y="6245897"/>
                  <a:pt x="4593272" y="6231931"/>
                  <a:pt x="4568831" y="6240878"/>
                </a:cubicBezTo>
                <a:close/>
                <a:moveTo>
                  <a:pt x="4533449" y="6238559"/>
                </a:moveTo>
                <a:cubicBezTo>
                  <a:pt x="4517440" y="6239705"/>
                  <a:pt x="4505819" y="6251899"/>
                  <a:pt x="4504019" y="6269247"/>
                </a:cubicBezTo>
                <a:cubicBezTo>
                  <a:pt x="4502055" y="6283650"/>
                  <a:pt x="4509911" y="6303945"/>
                  <a:pt x="4525187" y="6327950"/>
                </a:cubicBezTo>
                <a:cubicBezTo>
                  <a:pt x="4535007" y="6326422"/>
                  <a:pt x="4544390" y="6325767"/>
                  <a:pt x="4553774" y="6325767"/>
                </a:cubicBezTo>
                <a:lnTo>
                  <a:pt x="4551155" y="6320967"/>
                </a:lnTo>
                <a:cubicBezTo>
                  <a:pt x="4535225" y="6290415"/>
                  <a:pt x="4532170" y="6281031"/>
                  <a:pt x="4532170" y="6274703"/>
                </a:cubicBezTo>
                <a:cubicBezTo>
                  <a:pt x="4531734" y="6264883"/>
                  <a:pt x="4540026" y="6264010"/>
                  <a:pt x="4550719" y="6265101"/>
                </a:cubicBezTo>
                <a:lnTo>
                  <a:pt x="4550719" y="6241315"/>
                </a:lnTo>
                <a:cubicBezTo>
                  <a:pt x="4544609" y="6239023"/>
                  <a:pt x="4538785" y="6238178"/>
                  <a:pt x="4533449" y="6238559"/>
                </a:cubicBezTo>
                <a:close/>
                <a:moveTo>
                  <a:pt x="5362943" y="6200725"/>
                </a:moveTo>
                <a:cubicBezTo>
                  <a:pt x="5329119" y="6200725"/>
                  <a:pt x="5300968" y="6206835"/>
                  <a:pt x="5275436" y="6217092"/>
                </a:cubicBezTo>
                <a:lnTo>
                  <a:pt x="5275436" y="6386869"/>
                </a:lnTo>
                <a:lnTo>
                  <a:pt x="5332392" y="6386869"/>
                </a:lnTo>
                <a:lnTo>
                  <a:pt x="5332392" y="6250480"/>
                </a:lnTo>
                <a:cubicBezTo>
                  <a:pt x="5340685" y="6246770"/>
                  <a:pt x="5350941" y="6244806"/>
                  <a:pt x="5361634" y="6244806"/>
                </a:cubicBezTo>
                <a:cubicBezTo>
                  <a:pt x="5392404" y="6244806"/>
                  <a:pt x="5398296" y="6263574"/>
                  <a:pt x="5398296" y="6298271"/>
                </a:cubicBezTo>
                <a:lnTo>
                  <a:pt x="5398296" y="6386869"/>
                </a:lnTo>
                <a:lnTo>
                  <a:pt x="5455252" y="6386869"/>
                </a:lnTo>
                <a:lnTo>
                  <a:pt x="5455252" y="6289978"/>
                </a:lnTo>
                <a:cubicBezTo>
                  <a:pt x="5455470" y="6235641"/>
                  <a:pt x="5437358" y="6200725"/>
                  <a:pt x="5362943" y="6200725"/>
                </a:cubicBezTo>
                <a:close/>
                <a:moveTo>
                  <a:pt x="5128137" y="6199851"/>
                </a:moveTo>
                <a:cubicBezTo>
                  <a:pt x="5098022" y="6199851"/>
                  <a:pt x="5066598" y="6206398"/>
                  <a:pt x="5042812" y="6216218"/>
                </a:cubicBezTo>
                <a:lnTo>
                  <a:pt x="5042812" y="6456046"/>
                </a:lnTo>
                <a:lnTo>
                  <a:pt x="5099768" y="6456046"/>
                </a:lnTo>
                <a:lnTo>
                  <a:pt x="5099768" y="6387523"/>
                </a:lnTo>
                <a:cubicBezTo>
                  <a:pt x="5171345" y="6400617"/>
                  <a:pt x="5228956" y="6370938"/>
                  <a:pt x="5227865" y="6294342"/>
                </a:cubicBezTo>
                <a:cubicBezTo>
                  <a:pt x="5227646" y="6233676"/>
                  <a:pt x="5195349" y="6199851"/>
                  <a:pt x="5128137" y="6199851"/>
                </a:cubicBezTo>
                <a:close/>
                <a:moveTo>
                  <a:pt x="4652402" y="6194615"/>
                </a:moveTo>
                <a:cubicBezTo>
                  <a:pt x="4634726" y="6194615"/>
                  <a:pt x="4623159" y="6197233"/>
                  <a:pt x="4623159" y="6197233"/>
                </a:cubicBezTo>
                <a:cubicBezTo>
                  <a:pt x="4627087" y="6206399"/>
                  <a:pt x="4629924" y="6216874"/>
                  <a:pt x="4631452" y="6227785"/>
                </a:cubicBezTo>
                <a:cubicBezTo>
                  <a:pt x="4638435" y="6226912"/>
                  <a:pt x="4645637" y="6226039"/>
                  <a:pt x="4652402" y="6226039"/>
                </a:cubicBezTo>
                <a:cubicBezTo>
                  <a:pt x="4691899" y="6225821"/>
                  <a:pt x="4716559" y="6248516"/>
                  <a:pt x="4717432" y="6276885"/>
                </a:cubicBezTo>
                <a:cubicBezTo>
                  <a:pt x="4717432" y="6291942"/>
                  <a:pt x="4709357" y="6311801"/>
                  <a:pt x="4701501" y="6330786"/>
                </a:cubicBezTo>
                <a:cubicBezTo>
                  <a:pt x="4697573" y="6340606"/>
                  <a:pt x="4690154" y="6359374"/>
                  <a:pt x="4686226" y="6375522"/>
                </a:cubicBezTo>
                <a:cubicBezTo>
                  <a:pt x="4679679" y="6402363"/>
                  <a:pt x="4660694" y="6476996"/>
                  <a:pt x="4617922" y="6448190"/>
                </a:cubicBezTo>
                <a:cubicBezTo>
                  <a:pt x="4608102" y="6452555"/>
                  <a:pt x="4594572" y="6458665"/>
                  <a:pt x="4584316" y="6461502"/>
                </a:cubicBezTo>
                <a:cubicBezTo>
                  <a:pt x="4604611" y="6479614"/>
                  <a:pt x="4618577" y="6485724"/>
                  <a:pt x="4638217" y="6485724"/>
                </a:cubicBezTo>
                <a:cubicBezTo>
                  <a:pt x="4691245" y="6485724"/>
                  <a:pt x="4709357" y="6411092"/>
                  <a:pt x="4716340" y="6382941"/>
                </a:cubicBezTo>
                <a:cubicBezTo>
                  <a:pt x="4723105" y="6352390"/>
                  <a:pt x="4748855" y="6309618"/>
                  <a:pt x="4748419" y="6276667"/>
                </a:cubicBezTo>
                <a:cubicBezTo>
                  <a:pt x="4747983" y="6227567"/>
                  <a:pt x="4702810" y="6193087"/>
                  <a:pt x="4652402" y="6194615"/>
                </a:cubicBezTo>
                <a:close/>
                <a:moveTo>
                  <a:pt x="4559884" y="6186540"/>
                </a:moveTo>
                <a:lnTo>
                  <a:pt x="4538717" y="6208581"/>
                </a:lnTo>
                <a:lnTo>
                  <a:pt x="4559884" y="6230621"/>
                </a:lnTo>
                <a:lnTo>
                  <a:pt x="4581053" y="6208581"/>
                </a:lnTo>
                <a:close/>
                <a:moveTo>
                  <a:pt x="4818695" y="6136566"/>
                </a:moveTo>
                <a:lnTo>
                  <a:pt x="4818695" y="6385996"/>
                </a:lnTo>
                <a:lnTo>
                  <a:pt x="4875652" y="6385996"/>
                </a:lnTo>
                <a:lnTo>
                  <a:pt x="4875652" y="6287794"/>
                </a:lnTo>
                <a:lnTo>
                  <a:pt x="4940901" y="6385994"/>
                </a:lnTo>
                <a:lnTo>
                  <a:pt x="5008333" y="6385994"/>
                </a:lnTo>
                <a:lnTo>
                  <a:pt x="4937628" y="6285830"/>
                </a:lnTo>
                <a:lnTo>
                  <a:pt x="5002440" y="6206397"/>
                </a:lnTo>
                <a:lnTo>
                  <a:pt x="4937628" y="6206397"/>
                </a:lnTo>
                <a:lnTo>
                  <a:pt x="4875652" y="6287794"/>
                </a:lnTo>
                <a:lnTo>
                  <a:pt x="4875652" y="6136566"/>
                </a:lnTo>
                <a:close/>
                <a:moveTo>
                  <a:pt x="4495290" y="6068263"/>
                </a:moveTo>
                <a:cubicBezTo>
                  <a:pt x="4433096" y="6068263"/>
                  <a:pt x="4405164" y="6131985"/>
                  <a:pt x="4405164" y="6195051"/>
                </a:cubicBezTo>
                <a:cubicBezTo>
                  <a:pt x="4405382" y="6225166"/>
                  <a:pt x="4415420" y="6249825"/>
                  <a:pt x="4425022" y="6273393"/>
                </a:cubicBezTo>
                <a:cubicBezTo>
                  <a:pt x="4429823" y="6270339"/>
                  <a:pt x="4440080" y="6263574"/>
                  <a:pt x="4452082" y="6257245"/>
                </a:cubicBezTo>
                <a:cubicBezTo>
                  <a:pt x="4441825" y="6233022"/>
                  <a:pt x="4436152" y="6211636"/>
                  <a:pt x="4436370" y="6195051"/>
                </a:cubicBezTo>
                <a:cubicBezTo>
                  <a:pt x="4436370" y="6158826"/>
                  <a:pt x="4445098" y="6129366"/>
                  <a:pt x="4460374" y="6114090"/>
                </a:cubicBezTo>
                <a:cubicBezTo>
                  <a:pt x="4500309" y="6073937"/>
                  <a:pt x="4578215" y="6125220"/>
                  <a:pt x="4613785" y="6179557"/>
                </a:cubicBezTo>
                <a:cubicBezTo>
                  <a:pt x="4624696" y="6178030"/>
                  <a:pt x="4637571" y="6175847"/>
                  <a:pt x="4648701" y="6175847"/>
                </a:cubicBezTo>
                <a:cubicBezTo>
                  <a:pt x="4613130" y="6111690"/>
                  <a:pt x="4540680" y="6068263"/>
                  <a:pt x="4495290" y="6068263"/>
                </a:cubicBezTo>
                <a:close/>
                <a:moveTo>
                  <a:pt x="0" y="0"/>
                </a:moveTo>
                <a:lnTo>
                  <a:pt x="5937250" y="0"/>
                </a:lnTo>
                <a:lnTo>
                  <a:pt x="5937250" y="6857998"/>
                </a:lnTo>
                <a:lnTo>
                  <a:pt x="0" y="6857998"/>
                </a:lnTo>
                <a:close/>
              </a:path>
            </a:pathLst>
          </a:custGeom>
          <a:solidFill>
            <a:srgbClr val="414141"/>
          </a:solidFill>
        </p:spPr>
        <p:txBody>
          <a:bodyPr vert="horz" wrap="square" lIns="3276000" tIns="0" rIns="360000" bIns="0" rtlCol="0" anchor="ctr" anchorCtr="0">
            <a:noAutofit/>
          </a:bodyPr>
          <a:lstStyle>
            <a:lvl1pPr marL="0" indent="0">
              <a:buNone/>
              <a:defRPr lang="en-GB">
                <a:solidFill>
                  <a:schemeClr val="bg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0246CA69-2437-01BF-8909-29D3A16A9FE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35000" y="1208602"/>
            <a:ext cx="5302249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48683607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 en 1/3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1" name="Rectangle 50">
            <a:extLst>
              <a:ext uri="{FF2B5EF4-FFF2-40B4-BE49-F238E27FC236}">
                <a16:creationId xmlns:a16="http://schemas.microsoft.com/office/drawing/2014/main" id="{51C82D43-C052-B762-D49E-880E576BB137}"/>
              </a:ext>
            </a:extLst>
          </p:cNvPr>
          <p:cNvSpPr/>
          <p:nvPr userDrawn="1"/>
        </p:nvSpPr>
        <p:spPr>
          <a:xfrm>
            <a:off x="10145522" y="5765800"/>
            <a:ext cx="1906503" cy="9144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sz="1800"/>
          </a:p>
        </p:txBody>
      </p:sp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1FDD0FCC-6DAB-6490-8446-22E5A962F03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35007" y="1840334"/>
            <a:ext cx="7353018" cy="3940189"/>
          </a:xfrm>
        </p:spPr>
        <p:txBody>
          <a:bodyPr numCol="1" spcCol="316800"/>
          <a:lstStyle>
            <a:lvl1pPr>
              <a:defRPr/>
            </a:lvl1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50" name="Picture Placeholder 49">
            <a:extLst>
              <a:ext uri="{FF2B5EF4-FFF2-40B4-BE49-F238E27FC236}">
                <a16:creationId xmlns:a16="http://schemas.microsoft.com/office/drawing/2014/main" id="{8851353D-B5D9-47B9-536B-CF0A57804CD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4" hasCustomPrompt="1"/>
          </p:nvPr>
        </p:nvSpPr>
        <p:spPr bwMode="gray">
          <a:xfrm>
            <a:off x="8128006" y="1"/>
            <a:ext cx="4064000" cy="6857998"/>
          </a:xfrm>
          <a:custGeom>
            <a:avLst/>
            <a:gdLst>
              <a:gd name="connsiteX0" fmla="*/ 2686524 w 4064000"/>
              <a:gd name="connsiteY0" fmla="*/ 6340879 h 6857998"/>
              <a:gd name="connsiteX1" fmla="*/ 2618984 w 4064000"/>
              <a:gd name="connsiteY1" fmla="*/ 6350208 h 6857998"/>
              <a:gd name="connsiteX2" fmla="*/ 2627713 w 4064000"/>
              <a:gd name="connsiteY2" fmla="*/ 6376395 h 6857998"/>
              <a:gd name="connsiteX3" fmla="*/ 2631423 w 4064000"/>
              <a:gd name="connsiteY3" fmla="*/ 6375522 h 6857998"/>
              <a:gd name="connsiteX4" fmla="*/ 2745335 w 4064000"/>
              <a:gd name="connsiteY4" fmla="*/ 6376395 h 6857998"/>
              <a:gd name="connsiteX5" fmla="*/ 2754064 w 4064000"/>
              <a:gd name="connsiteY5" fmla="*/ 6350208 h 6857998"/>
              <a:gd name="connsiteX6" fmla="*/ 2686524 w 4064000"/>
              <a:gd name="connsiteY6" fmla="*/ 6340879 h 6857998"/>
              <a:gd name="connsiteX7" fmla="*/ 2756028 w 4064000"/>
              <a:gd name="connsiteY7" fmla="*/ 6268593 h 6857998"/>
              <a:gd name="connsiteX8" fmla="*/ 2753846 w 4064000"/>
              <a:gd name="connsiteY8" fmla="*/ 6289978 h 6857998"/>
              <a:gd name="connsiteX9" fmla="*/ 2757338 w 4064000"/>
              <a:gd name="connsiteY9" fmla="*/ 6290633 h 6857998"/>
              <a:gd name="connsiteX10" fmla="*/ 2762357 w 4064000"/>
              <a:gd name="connsiteY10" fmla="*/ 6295434 h 6857998"/>
              <a:gd name="connsiteX11" fmla="*/ 2739662 w 4064000"/>
              <a:gd name="connsiteY11" fmla="*/ 6324022 h 6857998"/>
              <a:gd name="connsiteX12" fmla="*/ 2735079 w 4064000"/>
              <a:gd name="connsiteY12" fmla="*/ 6328604 h 6857998"/>
              <a:gd name="connsiteX13" fmla="*/ 2762357 w 4064000"/>
              <a:gd name="connsiteY13" fmla="*/ 6335587 h 6857998"/>
              <a:gd name="connsiteX14" fmla="*/ 2789198 w 4064000"/>
              <a:gd name="connsiteY14" fmla="*/ 6293688 h 6857998"/>
              <a:gd name="connsiteX15" fmla="*/ 2756028 w 4064000"/>
              <a:gd name="connsiteY15" fmla="*/ 6268593 h 6857998"/>
              <a:gd name="connsiteX16" fmla="*/ 2613965 w 4064000"/>
              <a:gd name="connsiteY16" fmla="*/ 6268374 h 6857998"/>
              <a:gd name="connsiteX17" fmla="*/ 2584069 w 4064000"/>
              <a:gd name="connsiteY17" fmla="*/ 6293688 h 6857998"/>
              <a:gd name="connsiteX18" fmla="*/ 2610910 w 4064000"/>
              <a:gd name="connsiteY18" fmla="*/ 6335587 h 6857998"/>
              <a:gd name="connsiteX19" fmla="*/ 2638188 w 4064000"/>
              <a:gd name="connsiteY19" fmla="*/ 6328604 h 6857998"/>
              <a:gd name="connsiteX20" fmla="*/ 2610910 w 4064000"/>
              <a:gd name="connsiteY20" fmla="*/ 6295216 h 6857998"/>
              <a:gd name="connsiteX21" fmla="*/ 2615930 w 4064000"/>
              <a:gd name="connsiteY21" fmla="*/ 6290415 h 6857998"/>
              <a:gd name="connsiteX22" fmla="*/ 2619421 w 4064000"/>
              <a:gd name="connsiteY22" fmla="*/ 6289760 h 6857998"/>
              <a:gd name="connsiteX23" fmla="*/ 2617239 w 4064000"/>
              <a:gd name="connsiteY23" fmla="*/ 6268374 h 6857998"/>
              <a:gd name="connsiteX24" fmla="*/ 2524920 w 4064000"/>
              <a:gd name="connsiteY24" fmla="*/ 6255281 h 6857998"/>
              <a:gd name="connsiteX25" fmla="*/ 2487604 w 4064000"/>
              <a:gd name="connsiteY25" fmla="*/ 6325331 h 6857998"/>
              <a:gd name="connsiteX26" fmla="*/ 2519901 w 4064000"/>
              <a:gd name="connsiteY26" fmla="*/ 6390580 h 6857998"/>
              <a:gd name="connsiteX27" fmla="*/ 2729176 w 4064000"/>
              <a:gd name="connsiteY27" fmla="*/ 6434879 h 6857998"/>
              <a:gd name="connsiteX28" fmla="*/ 2705827 w 4064000"/>
              <a:gd name="connsiteY28" fmla="*/ 6411093 h 6857998"/>
              <a:gd name="connsiteX29" fmla="*/ 2541723 w 4064000"/>
              <a:gd name="connsiteY29" fmla="*/ 6368539 h 6857998"/>
              <a:gd name="connsiteX30" fmla="*/ 2518592 w 4064000"/>
              <a:gd name="connsiteY30" fmla="*/ 6325331 h 6857998"/>
              <a:gd name="connsiteX31" fmla="*/ 2536486 w 4064000"/>
              <a:gd name="connsiteY31" fmla="*/ 6285178 h 6857998"/>
              <a:gd name="connsiteX32" fmla="*/ 2524920 w 4064000"/>
              <a:gd name="connsiteY32" fmla="*/ 6255281 h 6857998"/>
              <a:gd name="connsiteX33" fmla="*/ 3274309 w 4064000"/>
              <a:gd name="connsiteY33" fmla="*/ 6247751 h 6857998"/>
              <a:gd name="connsiteX34" fmla="*/ 3295913 w 4064000"/>
              <a:gd name="connsiteY34" fmla="*/ 6294560 h 6857998"/>
              <a:gd name="connsiteX35" fmla="*/ 3252050 w 4064000"/>
              <a:gd name="connsiteY35" fmla="*/ 6348243 h 6857998"/>
              <a:gd name="connsiteX36" fmla="*/ 3226518 w 4064000"/>
              <a:gd name="connsiteY36" fmla="*/ 6344315 h 6857998"/>
              <a:gd name="connsiteX37" fmla="*/ 3226518 w 4064000"/>
              <a:gd name="connsiteY37" fmla="*/ 6248733 h 6857998"/>
              <a:gd name="connsiteX38" fmla="*/ 3274309 w 4064000"/>
              <a:gd name="connsiteY38" fmla="*/ 6247751 h 6857998"/>
              <a:gd name="connsiteX39" fmla="*/ 2677469 w 4064000"/>
              <a:gd name="connsiteY39" fmla="*/ 6241315 h 6857998"/>
              <a:gd name="connsiteX40" fmla="*/ 2630769 w 4064000"/>
              <a:gd name="connsiteY40" fmla="*/ 6269247 h 6857998"/>
              <a:gd name="connsiteX41" fmla="*/ 2651937 w 4064000"/>
              <a:gd name="connsiteY41" fmla="*/ 6327950 h 6857998"/>
              <a:gd name="connsiteX42" fmla="*/ 2680524 w 4064000"/>
              <a:gd name="connsiteY42" fmla="*/ 6325767 h 6857998"/>
              <a:gd name="connsiteX43" fmla="*/ 2677905 w 4064000"/>
              <a:gd name="connsiteY43" fmla="*/ 6320967 h 6857998"/>
              <a:gd name="connsiteX44" fmla="*/ 2658920 w 4064000"/>
              <a:gd name="connsiteY44" fmla="*/ 6274703 h 6857998"/>
              <a:gd name="connsiteX45" fmla="*/ 2677469 w 4064000"/>
              <a:gd name="connsiteY45" fmla="*/ 6265101 h 6857998"/>
              <a:gd name="connsiteX46" fmla="*/ 2695581 w 4064000"/>
              <a:gd name="connsiteY46" fmla="*/ 6240878 h 6857998"/>
              <a:gd name="connsiteX47" fmla="*/ 2695581 w 4064000"/>
              <a:gd name="connsiteY47" fmla="*/ 6264664 h 6857998"/>
              <a:gd name="connsiteX48" fmla="*/ 2714130 w 4064000"/>
              <a:gd name="connsiteY48" fmla="*/ 6274266 h 6857998"/>
              <a:gd name="connsiteX49" fmla="*/ 2695144 w 4064000"/>
              <a:gd name="connsiteY49" fmla="*/ 6320529 h 6857998"/>
              <a:gd name="connsiteX50" fmla="*/ 2692744 w 4064000"/>
              <a:gd name="connsiteY50" fmla="*/ 6325548 h 6857998"/>
              <a:gd name="connsiteX51" fmla="*/ 2721332 w 4064000"/>
              <a:gd name="connsiteY51" fmla="*/ 6327730 h 6857998"/>
              <a:gd name="connsiteX52" fmla="*/ 2742499 w 4064000"/>
              <a:gd name="connsiteY52" fmla="*/ 6269029 h 6857998"/>
              <a:gd name="connsiteX53" fmla="*/ 2695581 w 4064000"/>
              <a:gd name="connsiteY53" fmla="*/ 6240878 h 6857998"/>
              <a:gd name="connsiteX54" fmla="*/ 3489693 w 4064000"/>
              <a:gd name="connsiteY54" fmla="*/ 6200725 h 6857998"/>
              <a:gd name="connsiteX55" fmla="*/ 3402186 w 4064000"/>
              <a:gd name="connsiteY55" fmla="*/ 6217092 h 6857998"/>
              <a:gd name="connsiteX56" fmla="*/ 3402186 w 4064000"/>
              <a:gd name="connsiteY56" fmla="*/ 6386869 h 6857998"/>
              <a:gd name="connsiteX57" fmla="*/ 3459142 w 4064000"/>
              <a:gd name="connsiteY57" fmla="*/ 6386869 h 6857998"/>
              <a:gd name="connsiteX58" fmla="*/ 3459142 w 4064000"/>
              <a:gd name="connsiteY58" fmla="*/ 6250480 h 6857998"/>
              <a:gd name="connsiteX59" fmla="*/ 3488384 w 4064000"/>
              <a:gd name="connsiteY59" fmla="*/ 6244806 h 6857998"/>
              <a:gd name="connsiteX60" fmla="*/ 3525046 w 4064000"/>
              <a:gd name="connsiteY60" fmla="*/ 6298271 h 6857998"/>
              <a:gd name="connsiteX61" fmla="*/ 3525046 w 4064000"/>
              <a:gd name="connsiteY61" fmla="*/ 6386869 h 6857998"/>
              <a:gd name="connsiteX62" fmla="*/ 3582002 w 4064000"/>
              <a:gd name="connsiteY62" fmla="*/ 6386869 h 6857998"/>
              <a:gd name="connsiteX63" fmla="*/ 3582002 w 4064000"/>
              <a:gd name="connsiteY63" fmla="*/ 6289978 h 6857998"/>
              <a:gd name="connsiteX64" fmla="*/ 3489693 w 4064000"/>
              <a:gd name="connsiteY64" fmla="*/ 6200725 h 6857998"/>
              <a:gd name="connsiteX65" fmla="*/ 3254887 w 4064000"/>
              <a:gd name="connsiteY65" fmla="*/ 6199851 h 6857998"/>
              <a:gd name="connsiteX66" fmla="*/ 3169562 w 4064000"/>
              <a:gd name="connsiteY66" fmla="*/ 6216218 h 6857998"/>
              <a:gd name="connsiteX67" fmla="*/ 3169562 w 4064000"/>
              <a:gd name="connsiteY67" fmla="*/ 6456046 h 6857998"/>
              <a:gd name="connsiteX68" fmla="*/ 3226518 w 4064000"/>
              <a:gd name="connsiteY68" fmla="*/ 6456046 h 6857998"/>
              <a:gd name="connsiteX69" fmla="*/ 3226518 w 4064000"/>
              <a:gd name="connsiteY69" fmla="*/ 6387523 h 6857998"/>
              <a:gd name="connsiteX70" fmla="*/ 3354615 w 4064000"/>
              <a:gd name="connsiteY70" fmla="*/ 6294342 h 6857998"/>
              <a:gd name="connsiteX71" fmla="*/ 3254887 w 4064000"/>
              <a:gd name="connsiteY71" fmla="*/ 6199851 h 6857998"/>
              <a:gd name="connsiteX72" fmla="*/ 2779152 w 4064000"/>
              <a:gd name="connsiteY72" fmla="*/ 6194615 h 6857998"/>
              <a:gd name="connsiteX73" fmla="*/ 2749909 w 4064000"/>
              <a:gd name="connsiteY73" fmla="*/ 6197233 h 6857998"/>
              <a:gd name="connsiteX74" fmla="*/ 2758202 w 4064000"/>
              <a:gd name="connsiteY74" fmla="*/ 6227785 h 6857998"/>
              <a:gd name="connsiteX75" fmla="*/ 2779152 w 4064000"/>
              <a:gd name="connsiteY75" fmla="*/ 6226039 h 6857998"/>
              <a:gd name="connsiteX76" fmla="*/ 2844182 w 4064000"/>
              <a:gd name="connsiteY76" fmla="*/ 6276885 h 6857998"/>
              <a:gd name="connsiteX77" fmla="*/ 2828251 w 4064000"/>
              <a:gd name="connsiteY77" fmla="*/ 6330786 h 6857998"/>
              <a:gd name="connsiteX78" fmla="*/ 2812976 w 4064000"/>
              <a:gd name="connsiteY78" fmla="*/ 6375522 h 6857998"/>
              <a:gd name="connsiteX79" fmla="*/ 2744672 w 4064000"/>
              <a:gd name="connsiteY79" fmla="*/ 6448190 h 6857998"/>
              <a:gd name="connsiteX80" fmla="*/ 2711066 w 4064000"/>
              <a:gd name="connsiteY80" fmla="*/ 6461502 h 6857998"/>
              <a:gd name="connsiteX81" fmla="*/ 2764967 w 4064000"/>
              <a:gd name="connsiteY81" fmla="*/ 6485724 h 6857998"/>
              <a:gd name="connsiteX82" fmla="*/ 2843090 w 4064000"/>
              <a:gd name="connsiteY82" fmla="*/ 6382941 h 6857998"/>
              <a:gd name="connsiteX83" fmla="*/ 2875169 w 4064000"/>
              <a:gd name="connsiteY83" fmla="*/ 6276667 h 6857998"/>
              <a:gd name="connsiteX84" fmla="*/ 2779152 w 4064000"/>
              <a:gd name="connsiteY84" fmla="*/ 6194615 h 6857998"/>
              <a:gd name="connsiteX85" fmla="*/ 2686634 w 4064000"/>
              <a:gd name="connsiteY85" fmla="*/ 6186540 h 6857998"/>
              <a:gd name="connsiteX86" fmla="*/ 2665467 w 4064000"/>
              <a:gd name="connsiteY86" fmla="*/ 6208581 h 6857998"/>
              <a:gd name="connsiteX87" fmla="*/ 2686634 w 4064000"/>
              <a:gd name="connsiteY87" fmla="*/ 6230621 h 6857998"/>
              <a:gd name="connsiteX88" fmla="*/ 2707803 w 4064000"/>
              <a:gd name="connsiteY88" fmla="*/ 6208581 h 6857998"/>
              <a:gd name="connsiteX89" fmla="*/ 2945445 w 4064000"/>
              <a:gd name="connsiteY89" fmla="*/ 6136566 h 6857998"/>
              <a:gd name="connsiteX90" fmla="*/ 2945445 w 4064000"/>
              <a:gd name="connsiteY90" fmla="*/ 6385996 h 6857998"/>
              <a:gd name="connsiteX91" fmla="*/ 3002402 w 4064000"/>
              <a:gd name="connsiteY91" fmla="*/ 6385996 h 6857998"/>
              <a:gd name="connsiteX92" fmla="*/ 3002402 w 4064000"/>
              <a:gd name="connsiteY92" fmla="*/ 6287794 h 6857998"/>
              <a:gd name="connsiteX93" fmla="*/ 3067651 w 4064000"/>
              <a:gd name="connsiteY93" fmla="*/ 6385994 h 6857998"/>
              <a:gd name="connsiteX94" fmla="*/ 3135083 w 4064000"/>
              <a:gd name="connsiteY94" fmla="*/ 6385994 h 6857998"/>
              <a:gd name="connsiteX95" fmla="*/ 3064378 w 4064000"/>
              <a:gd name="connsiteY95" fmla="*/ 6285830 h 6857998"/>
              <a:gd name="connsiteX96" fmla="*/ 3129190 w 4064000"/>
              <a:gd name="connsiteY96" fmla="*/ 6206397 h 6857998"/>
              <a:gd name="connsiteX97" fmla="*/ 3064378 w 4064000"/>
              <a:gd name="connsiteY97" fmla="*/ 6206397 h 6857998"/>
              <a:gd name="connsiteX98" fmla="*/ 3002402 w 4064000"/>
              <a:gd name="connsiteY98" fmla="*/ 6287794 h 6857998"/>
              <a:gd name="connsiteX99" fmla="*/ 3002402 w 4064000"/>
              <a:gd name="connsiteY99" fmla="*/ 6136566 h 6857998"/>
              <a:gd name="connsiteX100" fmla="*/ 2622040 w 4064000"/>
              <a:gd name="connsiteY100" fmla="*/ 6068263 h 6857998"/>
              <a:gd name="connsiteX101" fmla="*/ 2531914 w 4064000"/>
              <a:gd name="connsiteY101" fmla="*/ 6195051 h 6857998"/>
              <a:gd name="connsiteX102" fmla="*/ 2551772 w 4064000"/>
              <a:gd name="connsiteY102" fmla="*/ 6273393 h 6857998"/>
              <a:gd name="connsiteX103" fmla="*/ 2578832 w 4064000"/>
              <a:gd name="connsiteY103" fmla="*/ 6257245 h 6857998"/>
              <a:gd name="connsiteX104" fmla="*/ 2563120 w 4064000"/>
              <a:gd name="connsiteY104" fmla="*/ 6195051 h 6857998"/>
              <a:gd name="connsiteX105" fmla="*/ 2587124 w 4064000"/>
              <a:gd name="connsiteY105" fmla="*/ 6114090 h 6857998"/>
              <a:gd name="connsiteX106" fmla="*/ 2740535 w 4064000"/>
              <a:gd name="connsiteY106" fmla="*/ 6179557 h 6857998"/>
              <a:gd name="connsiteX107" fmla="*/ 2775451 w 4064000"/>
              <a:gd name="connsiteY107" fmla="*/ 6175847 h 6857998"/>
              <a:gd name="connsiteX108" fmla="*/ 2622040 w 4064000"/>
              <a:gd name="connsiteY108" fmla="*/ 6068263 h 6857998"/>
              <a:gd name="connsiteX109" fmla="*/ 0 w 4064000"/>
              <a:gd name="connsiteY109" fmla="*/ 0 h 6857998"/>
              <a:gd name="connsiteX110" fmla="*/ 4064000 w 4064000"/>
              <a:gd name="connsiteY110" fmla="*/ 0 h 6857998"/>
              <a:gd name="connsiteX111" fmla="*/ 4064000 w 4064000"/>
              <a:gd name="connsiteY111" fmla="*/ 6857998 h 6857998"/>
              <a:gd name="connsiteX112" fmla="*/ 0 w 4064000"/>
              <a:gd name="connsiteY112" fmla="*/ 6857998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</a:cxnLst>
            <a:rect l="l" t="t" r="r" b="b"/>
            <a:pathLst>
              <a:path w="4064000" h="6857998">
                <a:moveTo>
                  <a:pt x="2686524" y="6340879"/>
                </a:moveTo>
                <a:cubicBezTo>
                  <a:pt x="2663610" y="6340879"/>
                  <a:pt x="2640697" y="6343989"/>
                  <a:pt x="2618984" y="6350208"/>
                </a:cubicBezTo>
                <a:lnTo>
                  <a:pt x="2627713" y="6376395"/>
                </a:lnTo>
                <a:lnTo>
                  <a:pt x="2631423" y="6375522"/>
                </a:lnTo>
                <a:cubicBezTo>
                  <a:pt x="2668303" y="6365484"/>
                  <a:pt x="2708456" y="6365920"/>
                  <a:pt x="2745335" y="6376395"/>
                </a:cubicBezTo>
                <a:lnTo>
                  <a:pt x="2754064" y="6350208"/>
                </a:lnTo>
                <a:cubicBezTo>
                  <a:pt x="2732351" y="6343989"/>
                  <a:pt x="2709438" y="6340879"/>
                  <a:pt x="2686524" y="6340879"/>
                </a:cubicBezTo>
                <a:close/>
                <a:moveTo>
                  <a:pt x="2756028" y="6268593"/>
                </a:moveTo>
                <a:cubicBezTo>
                  <a:pt x="2756465" y="6275575"/>
                  <a:pt x="2755592" y="6282777"/>
                  <a:pt x="2753846" y="6289978"/>
                </a:cubicBezTo>
                <a:lnTo>
                  <a:pt x="2757338" y="6290633"/>
                </a:lnTo>
                <a:cubicBezTo>
                  <a:pt x="2762357" y="6291506"/>
                  <a:pt x="2762357" y="6294343"/>
                  <a:pt x="2762357" y="6295434"/>
                </a:cubicBezTo>
                <a:cubicBezTo>
                  <a:pt x="2762357" y="6300016"/>
                  <a:pt x="2759083" y="6305254"/>
                  <a:pt x="2739662" y="6324022"/>
                </a:cubicBezTo>
                <a:lnTo>
                  <a:pt x="2735079" y="6328604"/>
                </a:lnTo>
                <a:cubicBezTo>
                  <a:pt x="2744244" y="6330350"/>
                  <a:pt x="2753846" y="6332750"/>
                  <a:pt x="2762357" y="6335587"/>
                </a:cubicBezTo>
                <a:cubicBezTo>
                  <a:pt x="2783088" y="6317693"/>
                  <a:pt x="2789853" y="6304599"/>
                  <a:pt x="2789198" y="6293688"/>
                </a:cubicBezTo>
                <a:cubicBezTo>
                  <a:pt x="2789417" y="6276885"/>
                  <a:pt x="2773923" y="6266847"/>
                  <a:pt x="2756028" y="6268593"/>
                </a:cubicBezTo>
                <a:close/>
                <a:moveTo>
                  <a:pt x="2613965" y="6268374"/>
                </a:moveTo>
                <a:cubicBezTo>
                  <a:pt x="2596944" y="6267719"/>
                  <a:pt x="2584069" y="6278412"/>
                  <a:pt x="2584069" y="6293688"/>
                </a:cubicBezTo>
                <a:cubicBezTo>
                  <a:pt x="2583414" y="6304599"/>
                  <a:pt x="2590179" y="6317693"/>
                  <a:pt x="2610910" y="6335587"/>
                </a:cubicBezTo>
                <a:cubicBezTo>
                  <a:pt x="2619421" y="6332750"/>
                  <a:pt x="2629023" y="6330568"/>
                  <a:pt x="2638188" y="6328604"/>
                </a:cubicBezTo>
                <a:cubicBezTo>
                  <a:pt x="2621821" y="6313110"/>
                  <a:pt x="2609601" y="6300235"/>
                  <a:pt x="2610910" y="6295216"/>
                </a:cubicBezTo>
                <a:cubicBezTo>
                  <a:pt x="2610910" y="6294125"/>
                  <a:pt x="2610910" y="6291506"/>
                  <a:pt x="2615930" y="6290415"/>
                </a:cubicBezTo>
                <a:lnTo>
                  <a:pt x="2619421" y="6289760"/>
                </a:lnTo>
                <a:cubicBezTo>
                  <a:pt x="2617457" y="6282558"/>
                  <a:pt x="2616584" y="6275357"/>
                  <a:pt x="2617239" y="6268374"/>
                </a:cubicBezTo>
                <a:close/>
                <a:moveTo>
                  <a:pt x="2524920" y="6255281"/>
                </a:moveTo>
                <a:cubicBezTo>
                  <a:pt x="2500261" y="6271430"/>
                  <a:pt x="2487604" y="6295216"/>
                  <a:pt x="2487604" y="6325331"/>
                </a:cubicBezTo>
                <a:cubicBezTo>
                  <a:pt x="2487604" y="6346499"/>
                  <a:pt x="2498952" y="6369630"/>
                  <a:pt x="2519901" y="6390580"/>
                </a:cubicBezTo>
                <a:cubicBezTo>
                  <a:pt x="2560927" y="6433788"/>
                  <a:pt x="2657599" y="6471759"/>
                  <a:pt x="2729176" y="6434879"/>
                </a:cubicBezTo>
                <a:cubicBezTo>
                  <a:pt x="2721320" y="6427241"/>
                  <a:pt x="2713464" y="6419385"/>
                  <a:pt x="2705827" y="6411093"/>
                </a:cubicBezTo>
                <a:cubicBezTo>
                  <a:pt x="2650834" y="6431824"/>
                  <a:pt x="2581876" y="6407601"/>
                  <a:pt x="2541723" y="6368539"/>
                </a:cubicBezTo>
                <a:cubicBezTo>
                  <a:pt x="2527321" y="6354136"/>
                  <a:pt x="2518592" y="6337988"/>
                  <a:pt x="2518592" y="6325331"/>
                </a:cubicBezTo>
                <a:cubicBezTo>
                  <a:pt x="2518592" y="6307655"/>
                  <a:pt x="2524265" y="6294998"/>
                  <a:pt x="2536486" y="6285178"/>
                </a:cubicBezTo>
                <a:cubicBezTo>
                  <a:pt x="2532558" y="6275576"/>
                  <a:pt x="2528412" y="6265320"/>
                  <a:pt x="2524920" y="6255281"/>
                </a:cubicBezTo>
                <a:close/>
                <a:moveTo>
                  <a:pt x="3274309" y="6247751"/>
                </a:moveTo>
                <a:cubicBezTo>
                  <a:pt x="3287457" y="6254625"/>
                  <a:pt x="3296240" y="6269464"/>
                  <a:pt x="3295913" y="6294560"/>
                </a:cubicBezTo>
                <a:cubicBezTo>
                  <a:pt x="3295695" y="6329258"/>
                  <a:pt x="3282819" y="6348243"/>
                  <a:pt x="3252050" y="6348243"/>
                </a:cubicBezTo>
                <a:cubicBezTo>
                  <a:pt x="3243321" y="6348243"/>
                  <a:pt x="3232192" y="6346498"/>
                  <a:pt x="3226518" y="6344315"/>
                </a:cubicBezTo>
                <a:lnTo>
                  <a:pt x="3226518" y="6248733"/>
                </a:lnTo>
                <a:cubicBezTo>
                  <a:pt x="3243648" y="6241969"/>
                  <a:pt x="3261161" y="6240877"/>
                  <a:pt x="3274309" y="6247751"/>
                </a:cubicBezTo>
                <a:close/>
                <a:moveTo>
                  <a:pt x="2677469" y="6241315"/>
                </a:moveTo>
                <a:cubicBezTo>
                  <a:pt x="2653028" y="6232149"/>
                  <a:pt x="2633169" y="6246116"/>
                  <a:pt x="2630769" y="6269247"/>
                </a:cubicBezTo>
                <a:cubicBezTo>
                  <a:pt x="2628805" y="6283650"/>
                  <a:pt x="2636661" y="6303945"/>
                  <a:pt x="2651937" y="6327950"/>
                </a:cubicBezTo>
                <a:cubicBezTo>
                  <a:pt x="2661757" y="6326422"/>
                  <a:pt x="2671140" y="6325767"/>
                  <a:pt x="2680524" y="6325767"/>
                </a:cubicBezTo>
                <a:lnTo>
                  <a:pt x="2677905" y="6320967"/>
                </a:lnTo>
                <a:cubicBezTo>
                  <a:pt x="2661975" y="6290415"/>
                  <a:pt x="2658920" y="6281031"/>
                  <a:pt x="2658920" y="6274703"/>
                </a:cubicBezTo>
                <a:cubicBezTo>
                  <a:pt x="2658484" y="6264883"/>
                  <a:pt x="2666776" y="6264010"/>
                  <a:pt x="2677469" y="6265101"/>
                </a:cubicBezTo>
                <a:close/>
                <a:moveTo>
                  <a:pt x="2695581" y="6240878"/>
                </a:moveTo>
                <a:lnTo>
                  <a:pt x="2695581" y="6264664"/>
                </a:lnTo>
                <a:cubicBezTo>
                  <a:pt x="2706056" y="6263573"/>
                  <a:pt x="2714348" y="6264446"/>
                  <a:pt x="2714130" y="6274266"/>
                </a:cubicBezTo>
                <a:cubicBezTo>
                  <a:pt x="2714130" y="6280813"/>
                  <a:pt x="2711075" y="6289978"/>
                  <a:pt x="2695144" y="6320529"/>
                </a:cubicBezTo>
                <a:lnTo>
                  <a:pt x="2692744" y="6325548"/>
                </a:lnTo>
                <a:cubicBezTo>
                  <a:pt x="2702128" y="6325767"/>
                  <a:pt x="2711511" y="6326421"/>
                  <a:pt x="2721332" y="6327730"/>
                </a:cubicBezTo>
                <a:cubicBezTo>
                  <a:pt x="2736607" y="6303726"/>
                  <a:pt x="2744463" y="6283431"/>
                  <a:pt x="2742499" y="6269029"/>
                </a:cubicBezTo>
                <a:cubicBezTo>
                  <a:pt x="2739880" y="6245897"/>
                  <a:pt x="2720022" y="6231931"/>
                  <a:pt x="2695581" y="6240878"/>
                </a:cubicBezTo>
                <a:close/>
                <a:moveTo>
                  <a:pt x="3489693" y="6200725"/>
                </a:moveTo>
                <a:cubicBezTo>
                  <a:pt x="3455869" y="6200725"/>
                  <a:pt x="3427718" y="6206835"/>
                  <a:pt x="3402186" y="6217092"/>
                </a:cubicBezTo>
                <a:lnTo>
                  <a:pt x="3402186" y="6386869"/>
                </a:lnTo>
                <a:lnTo>
                  <a:pt x="3459142" y="6386869"/>
                </a:lnTo>
                <a:lnTo>
                  <a:pt x="3459142" y="6250480"/>
                </a:lnTo>
                <a:cubicBezTo>
                  <a:pt x="3467435" y="6246770"/>
                  <a:pt x="3477691" y="6244806"/>
                  <a:pt x="3488384" y="6244806"/>
                </a:cubicBezTo>
                <a:cubicBezTo>
                  <a:pt x="3519154" y="6244806"/>
                  <a:pt x="3525046" y="6263574"/>
                  <a:pt x="3525046" y="6298271"/>
                </a:cubicBezTo>
                <a:lnTo>
                  <a:pt x="3525046" y="6386869"/>
                </a:lnTo>
                <a:lnTo>
                  <a:pt x="3582002" y="6386869"/>
                </a:lnTo>
                <a:lnTo>
                  <a:pt x="3582002" y="6289978"/>
                </a:lnTo>
                <a:cubicBezTo>
                  <a:pt x="3582220" y="6235641"/>
                  <a:pt x="3564108" y="6200725"/>
                  <a:pt x="3489693" y="6200725"/>
                </a:cubicBezTo>
                <a:close/>
                <a:moveTo>
                  <a:pt x="3254887" y="6199851"/>
                </a:moveTo>
                <a:cubicBezTo>
                  <a:pt x="3224772" y="6199851"/>
                  <a:pt x="3193348" y="6206398"/>
                  <a:pt x="3169562" y="6216218"/>
                </a:cubicBezTo>
                <a:lnTo>
                  <a:pt x="3169562" y="6456046"/>
                </a:lnTo>
                <a:lnTo>
                  <a:pt x="3226518" y="6456046"/>
                </a:lnTo>
                <a:lnTo>
                  <a:pt x="3226518" y="6387523"/>
                </a:lnTo>
                <a:cubicBezTo>
                  <a:pt x="3298095" y="6400617"/>
                  <a:pt x="3355706" y="6370938"/>
                  <a:pt x="3354615" y="6294342"/>
                </a:cubicBezTo>
                <a:cubicBezTo>
                  <a:pt x="3354396" y="6233676"/>
                  <a:pt x="3322099" y="6199851"/>
                  <a:pt x="3254887" y="6199851"/>
                </a:cubicBezTo>
                <a:close/>
                <a:moveTo>
                  <a:pt x="2779152" y="6194615"/>
                </a:moveTo>
                <a:cubicBezTo>
                  <a:pt x="2761476" y="6194615"/>
                  <a:pt x="2749909" y="6197233"/>
                  <a:pt x="2749909" y="6197233"/>
                </a:cubicBezTo>
                <a:cubicBezTo>
                  <a:pt x="2753837" y="6206399"/>
                  <a:pt x="2756674" y="6216874"/>
                  <a:pt x="2758202" y="6227785"/>
                </a:cubicBezTo>
                <a:cubicBezTo>
                  <a:pt x="2765185" y="6226912"/>
                  <a:pt x="2772387" y="6226039"/>
                  <a:pt x="2779152" y="6226039"/>
                </a:cubicBezTo>
                <a:cubicBezTo>
                  <a:pt x="2818649" y="6225821"/>
                  <a:pt x="2843309" y="6248516"/>
                  <a:pt x="2844182" y="6276885"/>
                </a:cubicBezTo>
                <a:cubicBezTo>
                  <a:pt x="2844182" y="6291942"/>
                  <a:pt x="2836107" y="6311801"/>
                  <a:pt x="2828251" y="6330786"/>
                </a:cubicBezTo>
                <a:cubicBezTo>
                  <a:pt x="2824323" y="6340606"/>
                  <a:pt x="2816904" y="6359374"/>
                  <a:pt x="2812976" y="6375522"/>
                </a:cubicBezTo>
                <a:cubicBezTo>
                  <a:pt x="2806429" y="6402363"/>
                  <a:pt x="2787444" y="6476996"/>
                  <a:pt x="2744672" y="6448190"/>
                </a:cubicBezTo>
                <a:cubicBezTo>
                  <a:pt x="2734852" y="6452555"/>
                  <a:pt x="2721322" y="6458665"/>
                  <a:pt x="2711066" y="6461502"/>
                </a:cubicBezTo>
                <a:cubicBezTo>
                  <a:pt x="2731361" y="6479614"/>
                  <a:pt x="2745327" y="6485724"/>
                  <a:pt x="2764967" y="6485724"/>
                </a:cubicBezTo>
                <a:cubicBezTo>
                  <a:pt x="2817995" y="6485724"/>
                  <a:pt x="2836107" y="6411092"/>
                  <a:pt x="2843090" y="6382941"/>
                </a:cubicBezTo>
                <a:cubicBezTo>
                  <a:pt x="2849855" y="6352390"/>
                  <a:pt x="2875605" y="6309618"/>
                  <a:pt x="2875169" y="6276667"/>
                </a:cubicBezTo>
                <a:cubicBezTo>
                  <a:pt x="2874733" y="6227567"/>
                  <a:pt x="2829560" y="6193087"/>
                  <a:pt x="2779152" y="6194615"/>
                </a:cubicBezTo>
                <a:close/>
                <a:moveTo>
                  <a:pt x="2686634" y="6186540"/>
                </a:moveTo>
                <a:lnTo>
                  <a:pt x="2665467" y="6208581"/>
                </a:lnTo>
                <a:lnTo>
                  <a:pt x="2686634" y="6230621"/>
                </a:lnTo>
                <a:lnTo>
                  <a:pt x="2707803" y="6208581"/>
                </a:lnTo>
                <a:close/>
                <a:moveTo>
                  <a:pt x="2945445" y="6136566"/>
                </a:moveTo>
                <a:lnTo>
                  <a:pt x="2945445" y="6385996"/>
                </a:lnTo>
                <a:lnTo>
                  <a:pt x="3002402" y="6385996"/>
                </a:lnTo>
                <a:lnTo>
                  <a:pt x="3002402" y="6287794"/>
                </a:lnTo>
                <a:lnTo>
                  <a:pt x="3067651" y="6385994"/>
                </a:lnTo>
                <a:lnTo>
                  <a:pt x="3135083" y="6385994"/>
                </a:lnTo>
                <a:lnTo>
                  <a:pt x="3064378" y="6285830"/>
                </a:lnTo>
                <a:lnTo>
                  <a:pt x="3129190" y="6206397"/>
                </a:lnTo>
                <a:lnTo>
                  <a:pt x="3064378" y="6206397"/>
                </a:lnTo>
                <a:lnTo>
                  <a:pt x="3002402" y="6287794"/>
                </a:lnTo>
                <a:lnTo>
                  <a:pt x="3002402" y="6136566"/>
                </a:lnTo>
                <a:close/>
                <a:moveTo>
                  <a:pt x="2622040" y="6068263"/>
                </a:moveTo>
                <a:cubicBezTo>
                  <a:pt x="2559846" y="6068263"/>
                  <a:pt x="2531914" y="6131985"/>
                  <a:pt x="2531914" y="6195051"/>
                </a:cubicBezTo>
                <a:cubicBezTo>
                  <a:pt x="2532132" y="6225166"/>
                  <a:pt x="2542170" y="6249825"/>
                  <a:pt x="2551772" y="6273393"/>
                </a:cubicBezTo>
                <a:cubicBezTo>
                  <a:pt x="2556573" y="6270339"/>
                  <a:pt x="2566830" y="6263574"/>
                  <a:pt x="2578832" y="6257245"/>
                </a:cubicBezTo>
                <a:cubicBezTo>
                  <a:pt x="2568575" y="6233022"/>
                  <a:pt x="2562902" y="6211636"/>
                  <a:pt x="2563120" y="6195051"/>
                </a:cubicBezTo>
                <a:cubicBezTo>
                  <a:pt x="2563120" y="6158826"/>
                  <a:pt x="2571848" y="6129366"/>
                  <a:pt x="2587124" y="6114090"/>
                </a:cubicBezTo>
                <a:cubicBezTo>
                  <a:pt x="2627059" y="6073937"/>
                  <a:pt x="2704965" y="6125220"/>
                  <a:pt x="2740535" y="6179557"/>
                </a:cubicBezTo>
                <a:cubicBezTo>
                  <a:pt x="2751446" y="6178030"/>
                  <a:pt x="2764321" y="6175847"/>
                  <a:pt x="2775451" y="6175847"/>
                </a:cubicBezTo>
                <a:cubicBezTo>
                  <a:pt x="2739880" y="6111690"/>
                  <a:pt x="2667430" y="6068263"/>
                  <a:pt x="2622040" y="6068263"/>
                </a:cubicBezTo>
                <a:close/>
                <a:moveTo>
                  <a:pt x="0" y="0"/>
                </a:moveTo>
                <a:lnTo>
                  <a:pt x="4064000" y="0"/>
                </a:lnTo>
                <a:lnTo>
                  <a:pt x="4064000" y="6857998"/>
                </a:lnTo>
                <a:lnTo>
                  <a:pt x="0" y="6857998"/>
                </a:lnTo>
                <a:close/>
              </a:path>
            </a:pathLst>
          </a:custGeom>
          <a:solidFill>
            <a:srgbClr val="414141"/>
          </a:solidFill>
        </p:spPr>
        <p:txBody>
          <a:bodyPr vert="horz" wrap="square" lIns="2340000" tIns="0" rIns="360000" bIns="0" rtlCol="0" anchor="ctr" anchorCtr="0">
            <a:noAutofit/>
          </a:bodyPr>
          <a:lstStyle>
            <a:lvl1pPr marL="0" indent="0">
              <a:buNone/>
              <a:defRPr lang="en-GB">
                <a:solidFill>
                  <a:schemeClr val="bg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FE8DBB40-DBE9-682B-467E-CEECD12107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3599" y="605631"/>
            <a:ext cx="7357875" cy="604039"/>
          </a:xfrm>
        </p:spPr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9B42FC73-6487-2FEA-C436-D8F81389BDE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35000" y="1208602"/>
            <a:ext cx="7353018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13104325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t foto">
    <p:bg bwMode="gray">
      <p:bgPr>
        <a:solidFill>
          <a:srgbClr val="00C3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2" name="Rectangle 51">
            <a:extLst>
              <a:ext uri="{FF2B5EF4-FFF2-40B4-BE49-F238E27FC236}">
                <a16:creationId xmlns:a16="http://schemas.microsoft.com/office/drawing/2014/main" id="{23E79477-AA41-A875-2FFC-F1A554FDFDBC}"/>
              </a:ext>
            </a:extLst>
          </p:cNvPr>
          <p:cNvSpPr/>
          <p:nvPr userDrawn="1"/>
        </p:nvSpPr>
        <p:spPr>
          <a:xfrm>
            <a:off x="9833102" y="450737"/>
            <a:ext cx="1906503" cy="9144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sz="1800"/>
          </a:p>
        </p:txBody>
      </p:sp>
      <p:sp>
        <p:nvSpPr>
          <p:cNvPr id="33" name="Picture Placeholder 32">
            <a:extLst>
              <a:ext uri="{FF2B5EF4-FFF2-40B4-BE49-F238E27FC236}">
                <a16:creationId xmlns:a16="http://schemas.microsoft.com/office/drawing/2014/main" id="{F33E9AD3-1600-8BC1-A7EE-1DF5BF08BFC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 bwMode="white">
          <a:xfrm>
            <a:off x="5937256" y="338525"/>
            <a:ext cx="6284689" cy="5897187"/>
          </a:xfrm>
          <a:custGeom>
            <a:avLst/>
            <a:gdLst>
              <a:gd name="connsiteX0" fmla="*/ 4288955 w 6284689"/>
              <a:gd name="connsiteY0" fmla="*/ 570528 h 5897187"/>
              <a:gd name="connsiteX1" fmla="*/ 4187489 w 6284689"/>
              <a:gd name="connsiteY1" fmla="*/ 584543 h 5897187"/>
              <a:gd name="connsiteX2" fmla="*/ 4200603 w 6284689"/>
              <a:gd name="connsiteY2" fmla="*/ 623884 h 5897187"/>
              <a:gd name="connsiteX3" fmla="*/ 4206176 w 6284689"/>
              <a:gd name="connsiteY3" fmla="*/ 622572 h 5897187"/>
              <a:gd name="connsiteX4" fmla="*/ 4377308 w 6284689"/>
              <a:gd name="connsiteY4" fmla="*/ 623884 h 5897187"/>
              <a:gd name="connsiteX5" fmla="*/ 4390421 w 6284689"/>
              <a:gd name="connsiteY5" fmla="*/ 584543 h 5897187"/>
              <a:gd name="connsiteX6" fmla="*/ 4288955 w 6284689"/>
              <a:gd name="connsiteY6" fmla="*/ 570528 h 5897187"/>
              <a:gd name="connsiteX7" fmla="*/ 4393371 w 6284689"/>
              <a:gd name="connsiteY7" fmla="*/ 461931 h 5897187"/>
              <a:gd name="connsiteX8" fmla="*/ 4390093 w 6284689"/>
              <a:gd name="connsiteY8" fmla="*/ 494059 h 5897187"/>
              <a:gd name="connsiteX9" fmla="*/ 4395339 w 6284689"/>
              <a:gd name="connsiteY9" fmla="*/ 495042 h 5897187"/>
              <a:gd name="connsiteX10" fmla="*/ 4402879 w 6284689"/>
              <a:gd name="connsiteY10" fmla="*/ 502255 h 5897187"/>
              <a:gd name="connsiteX11" fmla="*/ 4368784 w 6284689"/>
              <a:gd name="connsiteY11" fmla="*/ 545202 h 5897187"/>
              <a:gd name="connsiteX12" fmla="*/ 4361899 w 6284689"/>
              <a:gd name="connsiteY12" fmla="*/ 552086 h 5897187"/>
              <a:gd name="connsiteX13" fmla="*/ 4402879 w 6284689"/>
              <a:gd name="connsiteY13" fmla="*/ 562577 h 5897187"/>
              <a:gd name="connsiteX14" fmla="*/ 4443203 w 6284689"/>
              <a:gd name="connsiteY14" fmla="*/ 499632 h 5897187"/>
              <a:gd name="connsiteX15" fmla="*/ 4393371 w 6284689"/>
              <a:gd name="connsiteY15" fmla="*/ 461931 h 5897187"/>
              <a:gd name="connsiteX16" fmla="*/ 4179949 w 6284689"/>
              <a:gd name="connsiteY16" fmla="*/ 461604 h 5897187"/>
              <a:gd name="connsiteX17" fmla="*/ 4135035 w 6284689"/>
              <a:gd name="connsiteY17" fmla="*/ 499632 h 5897187"/>
              <a:gd name="connsiteX18" fmla="*/ 4175359 w 6284689"/>
              <a:gd name="connsiteY18" fmla="*/ 562577 h 5897187"/>
              <a:gd name="connsiteX19" fmla="*/ 4216339 w 6284689"/>
              <a:gd name="connsiteY19" fmla="*/ 552087 h 5897187"/>
              <a:gd name="connsiteX20" fmla="*/ 4175359 w 6284689"/>
              <a:gd name="connsiteY20" fmla="*/ 501928 h 5897187"/>
              <a:gd name="connsiteX21" fmla="*/ 4182900 w 6284689"/>
              <a:gd name="connsiteY21" fmla="*/ 494716 h 5897187"/>
              <a:gd name="connsiteX22" fmla="*/ 4188145 w 6284689"/>
              <a:gd name="connsiteY22" fmla="*/ 493731 h 5897187"/>
              <a:gd name="connsiteX23" fmla="*/ 4184867 w 6284689"/>
              <a:gd name="connsiteY23" fmla="*/ 461604 h 5897187"/>
              <a:gd name="connsiteX24" fmla="*/ 4046190 w 6284689"/>
              <a:gd name="connsiteY24" fmla="*/ 441932 h 5897187"/>
              <a:gd name="connsiteX25" fmla="*/ 3990130 w 6284689"/>
              <a:gd name="connsiteY25" fmla="*/ 547168 h 5897187"/>
              <a:gd name="connsiteX26" fmla="*/ 4038650 w 6284689"/>
              <a:gd name="connsiteY26" fmla="*/ 645192 h 5897187"/>
              <a:gd name="connsiteX27" fmla="*/ 4353047 w 6284689"/>
              <a:gd name="connsiteY27" fmla="*/ 711743 h 5897187"/>
              <a:gd name="connsiteX28" fmla="*/ 4317969 w 6284689"/>
              <a:gd name="connsiteY28" fmla="*/ 676009 h 5897187"/>
              <a:gd name="connsiteX29" fmla="*/ 4071434 w 6284689"/>
              <a:gd name="connsiteY29" fmla="*/ 612080 h 5897187"/>
              <a:gd name="connsiteX30" fmla="*/ 4036683 w 6284689"/>
              <a:gd name="connsiteY30" fmla="*/ 547168 h 5897187"/>
              <a:gd name="connsiteX31" fmla="*/ 4063566 w 6284689"/>
              <a:gd name="connsiteY31" fmla="*/ 486846 h 5897187"/>
              <a:gd name="connsiteX32" fmla="*/ 4046190 w 6284689"/>
              <a:gd name="connsiteY32" fmla="*/ 441932 h 5897187"/>
              <a:gd name="connsiteX33" fmla="*/ 5138334 w 6284689"/>
              <a:gd name="connsiteY33" fmla="*/ 423676 h 5897187"/>
              <a:gd name="connsiteX34" fmla="*/ 5204445 w 6284689"/>
              <a:gd name="connsiteY34" fmla="*/ 500944 h 5897187"/>
              <a:gd name="connsiteX35" fmla="*/ 5138549 w 6284689"/>
              <a:gd name="connsiteY35" fmla="*/ 581592 h 5897187"/>
              <a:gd name="connsiteX36" fmla="*/ 5100192 w 6284689"/>
              <a:gd name="connsiteY36" fmla="*/ 575691 h 5897187"/>
              <a:gd name="connsiteX37" fmla="*/ 5100192 w 6284689"/>
              <a:gd name="connsiteY37" fmla="*/ 432098 h 5897187"/>
              <a:gd name="connsiteX38" fmla="*/ 5138334 w 6284689"/>
              <a:gd name="connsiteY38" fmla="*/ 423676 h 5897187"/>
              <a:gd name="connsiteX39" fmla="*/ 4249404 w 6284689"/>
              <a:gd name="connsiteY39" fmla="*/ 416812 h 5897187"/>
              <a:gd name="connsiteX40" fmla="*/ 4205192 w 6284689"/>
              <a:gd name="connsiteY40" fmla="*/ 462915 h 5897187"/>
              <a:gd name="connsiteX41" fmla="*/ 4236993 w 6284689"/>
              <a:gd name="connsiteY41" fmla="*/ 551104 h 5897187"/>
              <a:gd name="connsiteX42" fmla="*/ 4279939 w 6284689"/>
              <a:gd name="connsiteY42" fmla="*/ 547825 h 5897187"/>
              <a:gd name="connsiteX43" fmla="*/ 4276005 w 6284689"/>
              <a:gd name="connsiteY43" fmla="*/ 540613 h 5897187"/>
              <a:gd name="connsiteX44" fmla="*/ 4247483 w 6284689"/>
              <a:gd name="connsiteY44" fmla="*/ 471111 h 5897187"/>
              <a:gd name="connsiteX45" fmla="*/ 4275350 w 6284689"/>
              <a:gd name="connsiteY45" fmla="*/ 456686 h 5897187"/>
              <a:gd name="connsiteX46" fmla="*/ 4275350 w 6284689"/>
              <a:gd name="connsiteY46" fmla="*/ 420952 h 5897187"/>
              <a:gd name="connsiteX47" fmla="*/ 4249404 w 6284689"/>
              <a:gd name="connsiteY47" fmla="*/ 416812 h 5897187"/>
              <a:gd name="connsiteX48" fmla="*/ 4328511 w 6284689"/>
              <a:gd name="connsiteY48" fmla="*/ 416346 h 5897187"/>
              <a:gd name="connsiteX49" fmla="*/ 4302561 w 6284689"/>
              <a:gd name="connsiteY49" fmla="*/ 420295 h 5897187"/>
              <a:gd name="connsiteX50" fmla="*/ 4302561 w 6284689"/>
              <a:gd name="connsiteY50" fmla="*/ 456030 h 5897187"/>
              <a:gd name="connsiteX51" fmla="*/ 4330427 w 6284689"/>
              <a:gd name="connsiteY51" fmla="*/ 470455 h 5897187"/>
              <a:gd name="connsiteX52" fmla="*/ 4301905 w 6284689"/>
              <a:gd name="connsiteY52" fmla="*/ 539957 h 5897187"/>
              <a:gd name="connsiteX53" fmla="*/ 4298299 w 6284689"/>
              <a:gd name="connsiteY53" fmla="*/ 547497 h 5897187"/>
              <a:gd name="connsiteX54" fmla="*/ 4341246 w 6284689"/>
              <a:gd name="connsiteY54" fmla="*/ 550775 h 5897187"/>
              <a:gd name="connsiteX55" fmla="*/ 4373046 w 6284689"/>
              <a:gd name="connsiteY55" fmla="*/ 462587 h 5897187"/>
              <a:gd name="connsiteX56" fmla="*/ 4328511 w 6284689"/>
              <a:gd name="connsiteY56" fmla="*/ 416346 h 5897187"/>
              <a:gd name="connsiteX57" fmla="*/ 5495565 w 6284689"/>
              <a:gd name="connsiteY57" fmla="*/ 359974 h 5897187"/>
              <a:gd name="connsiteX58" fmla="*/ 5364102 w 6284689"/>
              <a:gd name="connsiteY58" fmla="*/ 384562 h 5897187"/>
              <a:gd name="connsiteX59" fmla="*/ 5364102 w 6284689"/>
              <a:gd name="connsiteY59" fmla="*/ 639620 h 5897187"/>
              <a:gd name="connsiteX60" fmla="*/ 5449668 w 6284689"/>
              <a:gd name="connsiteY60" fmla="*/ 639620 h 5897187"/>
              <a:gd name="connsiteX61" fmla="*/ 5449668 w 6284689"/>
              <a:gd name="connsiteY61" fmla="*/ 434721 h 5897187"/>
              <a:gd name="connsiteX62" fmla="*/ 5493598 w 6284689"/>
              <a:gd name="connsiteY62" fmla="*/ 426197 h 5897187"/>
              <a:gd name="connsiteX63" fmla="*/ 5548675 w 6284689"/>
              <a:gd name="connsiteY63" fmla="*/ 506518 h 5897187"/>
              <a:gd name="connsiteX64" fmla="*/ 5548675 w 6284689"/>
              <a:gd name="connsiteY64" fmla="*/ 639620 h 5897187"/>
              <a:gd name="connsiteX65" fmla="*/ 5634241 w 6284689"/>
              <a:gd name="connsiteY65" fmla="*/ 639620 h 5897187"/>
              <a:gd name="connsiteX66" fmla="*/ 5634241 w 6284689"/>
              <a:gd name="connsiteY66" fmla="*/ 494060 h 5897187"/>
              <a:gd name="connsiteX67" fmla="*/ 5495565 w 6284689"/>
              <a:gd name="connsiteY67" fmla="*/ 359974 h 5897187"/>
              <a:gd name="connsiteX68" fmla="*/ 5142811 w 6284689"/>
              <a:gd name="connsiteY68" fmla="*/ 358662 h 5897187"/>
              <a:gd name="connsiteX69" fmla="*/ 5014626 w 6284689"/>
              <a:gd name="connsiteY69" fmla="*/ 383250 h 5897187"/>
              <a:gd name="connsiteX70" fmla="*/ 5014626 w 6284689"/>
              <a:gd name="connsiteY70" fmla="*/ 743545 h 5897187"/>
              <a:gd name="connsiteX71" fmla="*/ 5100192 w 6284689"/>
              <a:gd name="connsiteY71" fmla="*/ 743545 h 5897187"/>
              <a:gd name="connsiteX72" fmla="*/ 5100192 w 6284689"/>
              <a:gd name="connsiteY72" fmla="*/ 640603 h 5897187"/>
              <a:gd name="connsiteX73" fmla="*/ 5292633 w 6284689"/>
              <a:gd name="connsiteY73" fmla="*/ 500616 h 5897187"/>
              <a:gd name="connsiteX74" fmla="*/ 5142811 w 6284689"/>
              <a:gd name="connsiteY74" fmla="*/ 358662 h 5897187"/>
              <a:gd name="connsiteX75" fmla="*/ 4428123 w 6284689"/>
              <a:gd name="connsiteY75" fmla="*/ 350793 h 5897187"/>
              <a:gd name="connsiteX76" fmla="*/ 4384192 w 6284689"/>
              <a:gd name="connsiteY76" fmla="*/ 354727 h 5897187"/>
              <a:gd name="connsiteX77" fmla="*/ 4396650 w 6284689"/>
              <a:gd name="connsiteY77" fmla="*/ 400625 h 5897187"/>
              <a:gd name="connsiteX78" fmla="*/ 4428123 w 6284689"/>
              <a:gd name="connsiteY78" fmla="*/ 398002 h 5897187"/>
              <a:gd name="connsiteX79" fmla="*/ 4525819 w 6284689"/>
              <a:gd name="connsiteY79" fmla="*/ 474389 h 5897187"/>
              <a:gd name="connsiteX80" fmla="*/ 4501886 w 6284689"/>
              <a:gd name="connsiteY80" fmla="*/ 555365 h 5897187"/>
              <a:gd name="connsiteX81" fmla="*/ 4478938 w 6284689"/>
              <a:gd name="connsiteY81" fmla="*/ 622572 h 5897187"/>
              <a:gd name="connsiteX82" fmla="*/ 4376324 w 6284689"/>
              <a:gd name="connsiteY82" fmla="*/ 731742 h 5897187"/>
              <a:gd name="connsiteX83" fmla="*/ 4325837 w 6284689"/>
              <a:gd name="connsiteY83" fmla="*/ 751740 h 5897187"/>
              <a:gd name="connsiteX84" fmla="*/ 4406813 w 6284689"/>
              <a:gd name="connsiteY84" fmla="*/ 788130 h 5897187"/>
              <a:gd name="connsiteX85" fmla="*/ 4524179 w 6284689"/>
              <a:gd name="connsiteY85" fmla="*/ 633718 h 5897187"/>
              <a:gd name="connsiteX86" fmla="*/ 4572372 w 6284689"/>
              <a:gd name="connsiteY86" fmla="*/ 474061 h 5897187"/>
              <a:gd name="connsiteX87" fmla="*/ 4428123 w 6284689"/>
              <a:gd name="connsiteY87" fmla="*/ 350793 h 5897187"/>
              <a:gd name="connsiteX88" fmla="*/ 4289119 w 6284689"/>
              <a:gd name="connsiteY88" fmla="*/ 338664 h 5897187"/>
              <a:gd name="connsiteX89" fmla="*/ 4257319 w 6284689"/>
              <a:gd name="connsiteY89" fmla="*/ 371776 h 5897187"/>
              <a:gd name="connsiteX90" fmla="*/ 4289119 w 6284689"/>
              <a:gd name="connsiteY90" fmla="*/ 404887 h 5897187"/>
              <a:gd name="connsiteX91" fmla="*/ 4320920 w 6284689"/>
              <a:gd name="connsiteY91" fmla="*/ 371776 h 5897187"/>
              <a:gd name="connsiteX92" fmla="*/ 4677936 w 6284689"/>
              <a:gd name="connsiteY92" fmla="*/ 263589 h 5897187"/>
              <a:gd name="connsiteX93" fmla="*/ 4677936 w 6284689"/>
              <a:gd name="connsiteY93" fmla="*/ 638309 h 5897187"/>
              <a:gd name="connsiteX94" fmla="*/ 4763502 w 6284689"/>
              <a:gd name="connsiteY94" fmla="*/ 638309 h 5897187"/>
              <a:gd name="connsiteX95" fmla="*/ 4763502 w 6284689"/>
              <a:gd name="connsiteY95" fmla="*/ 490781 h 5897187"/>
              <a:gd name="connsiteX96" fmla="*/ 4861526 w 6284689"/>
              <a:gd name="connsiteY96" fmla="*/ 638308 h 5897187"/>
              <a:gd name="connsiteX97" fmla="*/ 4962828 w 6284689"/>
              <a:gd name="connsiteY97" fmla="*/ 638308 h 5897187"/>
              <a:gd name="connsiteX98" fmla="*/ 4856608 w 6284689"/>
              <a:gd name="connsiteY98" fmla="*/ 487830 h 5897187"/>
              <a:gd name="connsiteX99" fmla="*/ 4953976 w 6284689"/>
              <a:gd name="connsiteY99" fmla="*/ 368497 h 5897187"/>
              <a:gd name="connsiteX100" fmla="*/ 4856608 w 6284689"/>
              <a:gd name="connsiteY100" fmla="*/ 368497 h 5897187"/>
              <a:gd name="connsiteX101" fmla="*/ 4763502 w 6284689"/>
              <a:gd name="connsiteY101" fmla="*/ 490781 h 5897187"/>
              <a:gd name="connsiteX102" fmla="*/ 4763502 w 6284689"/>
              <a:gd name="connsiteY102" fmla="*/ 263589 h 5897187"/>
              <a:gd name="connsiteX103" fmla="*/ 4192078 w 6284689"/>
              <a:gd name="connsiteY103" fmla="*/ 160975 h 5897187"/>
              <a:gd name="connsiteX104" fmla="*/ 4056681 w 6284689"/>
              <a:gd name="connsiteY104" fmla="*/ 351449 h 5897187"/>
              <a:gd name="connsiteX105" fmla="*/ 4086514 w 6284689"/>
              <a:gd name="connsiteY105" fmla="*/ 469143 h 5897187"/>
              <a:gd name="connsiteX106" fmla="*/ 4127166 w 6284689"/>
              <a:gd name="connsiteY106" fmla="*/ 444883 h 5897187"/>
              <a:gd name="connsiteX107" fmla="*/ 4103562 w 6284689"/>
              <a:gd name="connsiteY107" fmla="*/ 351449 h 5897187"/>
              <a:gd name="connsiteX108" fmla="*/ 4139624 w 6284689"/>
              <a:gd name="connsiteY108" fmla="*/ 229821 h 5897187"/>
              <a:gd name="connsiteX109" fmla="*/ 4370095 w 6284689"/>
              <a:gd name="connsiteY109" fmla="*/ 328173 h 5897187"/>
              <a:gd name="connsiteX110" fmla="*/ 4422549 w 6284689"/>
              <a:gd name="connsiteY110" fmla="*/ 322599 h 5897187"/>
              <a:gd name="connsiteX111" fmla="*/ 4192078 w 6284689"/>
              <a:gd name="connsiteY111" fmla="*/ 160975 h 5897187"/>
              <a:gd name="connsiteX112" fmla="*/ 673881 w 6284689"/>
              <a:gd name="connsiteY112" fmla="*/ 0 h 5897187"/>
              <a:gd name="connsiteX113" fmla="*/ 6260055 w 6284689"/>
              <a:gd name="connsiteY113" fmla="*/ 0 h 5897187"/>
              <a:gd name="connsiteX114" fmla="*/ 6284689 w 6284689"/>
              <a:gd name="connsiteY114" fmla="*/ 5897187 h 5897187"/>
              <a:gd name="connsiteX115" fmla="*/ 673881 w 6284689"/>
              <a:gd name="connsiteY115" fmla="*/ 5884488 h 5897187"/>
              <a:gd name="connsiteX116" fmla="*/ 0 w 6284689"/>
              <a:gd name="connsiteY116" fmla="*/ 5270912 h 5897187"/>
              <a:gd name="connsiteX117" fmla="*/ 0 w 6284689"/>
              <a:gd name="connsiteY117" fmla="*/ 613575 h 5897187"/>
              <a:gd name="connsiteX118" fmla="*/ 673881 w 6284689"/>
              <a:gd name="connsiteY118" fmla="*/ 0 h 589718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</a:cxnLst>
            <a:rect l="l" t="t" r="r" b="b"/>
            <a:pathLst>
              <a:path w="6284689" h="5897187">
                <a:moveTo>
                  <a:pt x="4288955" y="570528"/>
                </a:moveTo>
                <a:cubicBezTo>
                  <a:pt x="4254532" y="570527"/>
                  <a:pt x="4220109" y="575199"/>
                  <a:pt x="4187489" y="584543"/>
                </a:cubicBezTo>
                <a:lnTo>
                  <a:pt x="4200603" y="623884"/>
                </a:lnTo>
                <a:lnTo>
                  <a:pt x="4206176" y="622572"/>
                </a:lnTo>
                <a:cubicBezTo>
                  <a:pt x="4261581" y="607492"/>
                  <a:pt x="4321903" y="608147"/>
                  <a:pt x="4377308" y="623884"/>
                </a:cubicBezTo>
                <a:lnTo>
                  <a:pt x="4390421" y="584543"/>
                </a:lnTo>
                <a:cubicBezTo>
                  <a:pt x="4357801" y="575199"/>
                  <a:pt x="4323378" y="570527"/>
                  <a:pt x="4288955" y="570528"/>
                </a:cubicBezTo>
                <a:close/>
                <a:moveTo>
                  <a:pt x="4393371" y="461931"/>
                </a:moveTo>
                <a:cubicBezTo>
                  <a:pt x="4394027" y="472421"/>
                  <a:pt x="4392716" y="483240"/>
                  <a:pt x="4390093" y="494059"/>
                </a:cubicBezTo>
                <a:lnTo>
                  <a:pt x="4395339" y="495042"/>
                </a:lnTo>
                <a:cubicBezTo>
                  <a:pt x="4402879" y="496354"/>
                  <a:pt x="4402879" y="500616"/>
                  <a:pt x="4402879" y="502255"/>
                </a:cubicBezTo>
                <a:cubicBezTo>
                  <a:pt x="4402879" y="509139"/>
                  <a:pt x="4397961" y="517007"/>
                  <a:pt x="4368784" y="545202"/>
                </a:cubicBezTo>
                <a:lnTo>
                  <a:pt x="4361899" y="552086"/>
                </a:lnTo>
                <a:cubicBezTo>
                  <a:pt x="4375668" y="554709"/>
                  <a:pt x="4390093" y="558315"/>
                  <a:pt x="4402879" y="562577"/>
                </a:cubicBezTo>
                <a:cubicBezTo>
                  <a:pt x="4434023" y="535694"/>
                  <a:pt x="4444186" y="516024"/>
                  <a:pt x="4443203" y="499632"/>
                </a:cubicBezTo>
                <a:cubicBezTo>
                  <a:pt x="4443531" y="474388"/>
                  <a:pt x="4420254" y="459308"/>
                  <a:pt x="4393371" y="461931"/>
                </a:cubicBezTo>
                <a:close/>
                <a:moveTo>
                  <a:pt x="4179949" y="461604"/>
                </a:moveTo>
                <a:cubicBezTo>
                  <a:pt x="4154378" y="460620"/>
                  <a:pt x="4135035" y="476683"/>
                  <a:pt x="4135035" y="499632"/>
                </a:cubicBezTo>
                <a:cubicBezTo>
                  <a:pt x="4134052" y="516024"/>
                  <a:pt x="4144215" y="535695"/>
                  <a:pt x="4175359" y="562577"/>
                </a:cubicBezTo>
                <a:cubicBezTo>
                  <a:pt x="4188145" y="558316"/>
                  <a:pt x="4202570" y="555038"/>
                  <a:pt x="4216339" y="552087"/>
                </a:cubicBezTo>
                <a:cubicBezTo>
                  <a:pt x="4191751" y="528810"/>
                  <a:pt x="4173392" y="509468"/>
                  <a:pt x="4175359" y="501928"/>
                </a:cubicBezTo>
                <a:cubicBezTo>
                  <a:pt x="4175359" y="500288"/>
                  <a:pt x="4175359" y="496354"/>
                  <a:pt x="4182900" y="494716"/>
                </a:cubicBezTo>
                <a:lnTo>
                  <a:pt x="4188145" y="493731"/>
                </a:lnTo>
                <a:cubicBezTo>
                  <a:pt x="4185195" y="482913"/>
                  <a:pt x="4183883" y="472094"/>
                  <a:pt x="4184867" y="461604"/>
                </a:cubicBezTo>
                <a:close/>
                <a:moveTo>
                  <a:pt x="4046190" y="441932"/>
                </a:moveTo>
                <a:cubicBezTo>
                  <a:pt x="4009145" y="466192"/>
                  <a:pt x="3990130" y="501926"/>
                  <a:pt x="3990130" y="547168"/>
                </a:cubicBezTo>
                <a:cubicBezTo>
                  <a:pt x="3990130" y="578969"/>
                  <a:pt x="4007178" y="613719"/>
                  <a:pt x="4038650" y="645192"/>
                </a:cubicBezTo>
                <a:cubicBezTo>
                  <a:pt x="4100284" y="710104"/>
                  <a:pt x="4245516" y="767148"/>
                  <a:pt x="4353047" y="711743"/>
                </a:cubicBezTo>
                <a:cubicBezTo>
                  <a:pt x="4341245" y="700269"/>
                  <a:pt x="4329443" y="688467"/>
                  <a:pt x="4317969" y="676009"/>
                </a:cubicBezTo>
                <a:cubicBezTo>
                  <a:pt x="4235353" y="707154"/>
                  <a:pt x="4131756" y="670763"/>
                  <a:pt x="4071434" y="612080"/>
                </a:cubicBezTo>
                <a:cubicBezTo>
                  <a:pt x="4049797" y="590443"/>
                  <a:pt x="4036683" y="566183"/>
                  <a:pt x="4036683" y="547168"/>
                </a:cubicBezTo>
                <a:cubicBezTo>
                  <a:pt x="4036683" y="520613"/>
                  <a:pt x="4045207" y="501599"/>
                  <a:pt x="4063566" y="486846"/>
                </a:cubicBezTo>
                <a:cubicBezTo>
                  <a:pt x="4057665" y="472421"/>
                  <a:pt x="4051436" y="457013"/>
                  <a:pt x="4046190" y="441932"/>
                </a:cubicBezTo>
                <a:close/>
                <a:moveTo>
                  <a:pt x="5138334" y="423676"/>
                </a:moveTo>
                <a:cubicBezTo>
                  <a:pt x="5175124" y="422508"/>
                  <a:pt x="5205182" y="444392"/>
                  <a:pt x="5204445" y="500944"/>
                </a:cubicBezTo>
                <a:cubicBezTo>
                  <a:pt x="5204117" y="553070"/>
                  <a:pt x="5184774" y="581592"/>
                  <a:pt x="5138549" y="581592"/>
                </a:cubicBezTo>
                <a:cubicBezTo>
                  <a:pt x="5125435" y="581592"/>
                  <a:pt x="5108716" y="578970"/>
                  <a:pt x="5100192" y="575691"/>
                </a:cubicBezTo>
                <a:lnTo>
                  <a:pt x="5100192" y="432098"/>
                </a:lnTo>
                <a:cubicBezTo>
                  <a:pt x="5113060" y="427016"/>
                  <a:pt x="5126071" y="424066"/>
                  <a:pt x="5138334" y="423676"/>
                </a:cubicBezTo>
                <a:close/>
                <a:moveTo>
                  <a:pt x="4249404" y="416812"/>
                </a:moveTo>
                <a:cubicBezTo>
                  <a:pt x="4225354" y="418533"/>
                  <a:pt x="4207897" y="436851"/>
                  <a:pt x="4205192" y="462915"/>
                </a:cubicBezTo>
                <a:cubicBezTo>
                  <a:pt x="4202242" y="484552"/>
                  <a:pt x="4214044" y="515041"/>
                  <a:pt x="4236993" y="551104"/>
                </a:cubicBezTo>
                <a:cubicBezTo>
                  <a:pt x="4251745" y="548809"/>
                  <a:pt x="4265842" y="547825"/>
                  <a:pt x="4279939" y="547825"/>
                </a:cubicBezTo>
                <a:lnTo>
                  <a:pt x="4276005" y="540613"/>
                </a:lnTo>
                <a:cubicBezTo>
                  <a:pt x="4252073" y="494715"/>
                  <a:pt x="4247483" y="480618"/>
                  <a:pt x="4247483" y="471111"/>
                </a:cubicBezTo>
                <a:cubicBezTo>
                  <a:pt x="4246828" y="456358"/>
                  <a:pt x="4259286" y="455047"/>
                  <a:pt x="4275350" y="456686"/>
                </a:cubicBezTo>
                <a:lnTo>
                  <a:pt x="4275350" y="420952"/>
                </a:lnTo>
                <a:cubicBezTo>
                  <a:pt x="4266170" y="417509"/>
                  <a:pt x="4257421" y="416239"/>
                  <a:pt x="4249404" y="416812"/>
                </a:cubicBezTo>
                <a:close/>
                <a:moveTo>
                  <a:pt x="4328511" y="416346"/>
                </a:moveTo>
                <a:cubicBezTo>
                  <a:pt x="4320490" y="415726"/>
                  <a:pt x="4311741" y="416935"/>
                  <a:pt x="4302561" y="420295"/>
                </a:cubicBezTo>
                <a:lnTo>
                  <a:pt x="4302561" y="456030"/>
                </a:lnTo>
                <a:cubicBezTo>
                  <a:pt x="4318297" y="454391"/>
                  <a:pt x="4330755" y="455702"/>
                  <a:pt x="4330427" y="470455"/>
                </a:cubicBezTo>
                <a:cubicBezTo>
                  <a:pt x="4330427" y="480290"/>
                  <a:pt x="4325837" y="494059"/>
                  <a:pt x="4301905" y="539957"/>
                </a:cubicBezTo>
                <a:lnTo>
                  <a:pt x="4298299" y="547497"/>
                </a:lnTo>
                <a:cubicBezTo>
                  <a:pt x="4312396" y="547825"/>
                  <a:pt x="4326493" y="548808"/>
                  <a:pt x="4341246" y="550775"/>
                </a:cubicBezTo>
                <a:cubicBezTo>
                  <a:pt x="4364195" y="514713"/>
                  <a:pt x="4375997" y="484224"/>
                  <a:pt x="4373046" y="462587"/>
                </a:cubicBezTo>
                <a:cubicBezTo>
                  <a:pt x="4370095" y="436524"/>
                  <a:pt x="4352577" y="418206"/>
                  <a:pt x="4328511" y="416346"/>
                </a:cubicBezTo>
                <a:close/>
                <a:moveTo>
                  <a:pt x="5495565" y="359974"/>
                </a:moveTo>
                <a:cubicBezTo>
                  <a:pt x="5444750" y="359974"/>
                  <a:pt x="5402459" y="369153"/>
                  <a:pt x="5364102" y="384562"/>
                </a:cubicBezTo>
                <a:lnTo>
                  <a:pt x="5364102" y="639620"/>
                </a:lnTo>
                <a:lnTo>
                  <a:pt x="5449668" y="639620"/>
                </a:lnTo>
                <a:lnTo>
                  <a:pt x="5449668" y="434721"/>
                </a:lnTo>
                <a:cubicBezTo>
                  <a:pt x="5462126" y="429148"/>
                  <a:pt x="5477534" y="426197"/>
                  <a:pt x="5493598" y="426197"/>
                </a:cubicBezTo>
                <a:cubicBezTo>
                  <a:pt x="5539824" y="426197"/>
                  <a:pt x="5548675" y="454392"/>
                  <a:pt x="5548675" y="506518"/>
                </a:cubicBezTo>
                <a:lnTo>
                  <a:pt x="5548675" y="639620"/>
                </a:lnTo>
                <a:lnTo>
                  <a:pt x="5634241" y="639620"/>
                </a:lnTo>
                <a:lnTo>
                  <a:pt x="5634241" y="494060"/>
                </a:lnTo>
                <a:cubicBezTo>
                  <a:pt x="5634569" y="412428"/>
                  <a:pt x="5607358" y="359974"/>
                  <a:pt x="5495565" y="359974"/>
                </a:cubicBezTo>
                <a:close/>
                <a:moveTo>
                  <a:pt x="5142811" y="358662"/>
                </a:moveTo>
                <a:cubicBezTo>
                  <a:pt x="5097569" y="358662"/>
                  <a:pt x="5050360" y="368497"/>
                  <a:pt x="5014626" y="383250"/>
                </a:cubicBezTo>
                <a:lnTo>
                  <a:pt x="5014626" y="743545"/>
                </a:lnTo>
                <a:lnTo>
                  <a:pt x="5100192" y="743545"/>
                </a:lnTo>
                <a:lnTo>
                  <a:pt x="5100192" y="640603"/>
                </a:lnTo>
                <a:cubicBezTo>
                  <a:pt x="5207723" y="660274"/>
                  <a:pt x="5294272" y="615687"/>
                  <a:pt x="5292633" y="500616"/>
                </a:cubicBezTo>
                <a:cubicBezTo>
                  <a:pt x="5292305" y="409477"/>
                  <a:pt x="5243785" y="358662"/>
                  <a:pt x="5142811" y="358662"/>
                </a:cubicBezTo>
                <a:close/>
                <a:moveTo>
                  <a:pt x="4428123" y="350793"/>
                </a:moveTo>
                <a:cubicBezTo>
                  <a:pt x="4401568" y="350793"/>
                  <a:pt x="4384192" y="354727"/>
                  <a:pt x="4384192" y="354727"/>
                </a:cubicBezTo>
                <a:cubicBezTo>
                  <a:pt x="4390093" y="368497"/>
                  <a:pt x="4394355" y="384233"/>
                  <a:pt x="4396650" y="400625"/>
                </a:cubicBezTo>
                <a:cubicBezTo>
                  <a:pt x="4407141" y="399313"/>
                  <a:pt x="4417960" y="398002"/>
                  <a:pt x="4428123" y="398002"/>
                </a:cubicBezTo>
                <a:cubicBezTo>
                  <a:pt x="4487461" y="397674"/>
                  <a:pt x="4524507" y="431770"/>
                  <a:pt x="4525819" y="474389"/>
                </a:cubicBezTo>
                <a:cubicBezTo>
                  <a:pt x="4525819" y="497009"/>
                  <a:pt x="4513688" y="526843"/>
                  <a:pt x="4501886" y="555365"/>
                </a:cubicBezTo>
                <a:cubicBezTo>
                  <a:pt x="4495985" y="570117"/>
                  <a:pt x="4484839" y="598312"/>
                  <a:pt x="4478938" y="622572"/>
                </a:cubicBezTo>
                <a:cubicBezTo>
                  <a:pt x="4469102" y="662896"/>
                  <a:pt x="4440581" y="775017"/>
                  <a:pt x="4376324" y="731742"/>
                </a:cubicBezTo>
                <a:cubicBezTo>
                  <a:pt x="4361571" y="738299"/>
                  <a:pt x="4341245" y="747478"/>
                  <a:pt x="4325837" y="751740"/>
                </a:cubicBezTo>
                <a:cubicBezTo>
                  <a:pt x="4356326" y="778951"/>
                  <a:pt x="4377308" y="788130"/>
                  <a:pt x="4406813" y="788130"/>
                </a:cubicBezTo>
                <a:cubicBezTo>
                  <a:pt x="4486478" y="788130"/>
                  <a:pt x="4513688" y="676009"/>
                  <a:pt x="4524179" y="633718"/>
                </a:cubicBezTo>
                <a:cubicBezTo>
                  <a:pt x="4534342" y="587821"/>
                  <a:pt x="4573027" y="523564"/>
                  <a:pt x="4572372" y="474061"/>
                </a:cubicBezTo>
                <a:cubicBezTo>
                  <a:pt x="4571716" y="400297"/>
                  <a:pt x="4503853" y="348498"/>
                  <a:pt x="4428123" y="350793"/>
                </a:cubicBezTo>
                <a:close/>
                <a:moveTo>
                  <a:pt x="4289119" y="338664"/>
                </a:moveTo>
                <a:lnTo>
                  <a:pt x="4257319" y="371776"/>
                </a:lnTo>
                <a:lnTo>
                  <a:pt x="4289119" y="404887"/>
                </a:lnTo>
                <a:lnTo>
                  <a:pt x="4320920" y="371776"/>
                </a:lnTo>
                <a:close/>
                <a:moveTo>
                  <a:pt x="4677936" y="263589"/>
                </a:moveTo>
                <a:lnTo>
                  <a:pt x="4677936" y="638309"/>
                </a:lnTo>
                <a:lnTo>
                  <a:pt x="4763502" y="638309"/>
                </a:lnTo>
                <a:lnTo>
                  <a:pt x="4763502" y="490781"/>
                </a:lnTo>
                <a:lnTo>
                  <a:pt x="4861526" y="638308"/>
                </a:lnTo>
                <a:lnTo>
                  <a:pt x="4962828" y="638308"/>
                </a:lnTo>
                <a:lnTo>
                  <a:pt x="4856608" y="487830"/>
                </a:lnTo>
                <a:lnTo>
                  <a:pt x="4953976" y="368497"/>
                </a:lnTo>
                <a:lnTo>
                  <a:pt x="4856608" y="368497"/>
                </a:lnTo>
                <a:lnTo>
                  <a:pt x="4763502" y="490781"/>
                </a:lnTo>
                <a:lnTo>
                  <a:pt x="4763502" y="263589"/>
                </a:lnTo>
                <a:close/>
                <a:moveTo>
                  <a:pt x="4192078" y="160975"/>
                </a:moveTo>
                <a:cubicBezTo>
                  <a:pt x="4098644" y="160975"/>
                  <a:pt x="4056681" y="256704"/>
                  <a:pt x="4056681" y="351449"/>
                </a:cubicBezTo>
                <a:cubicBezTo>
                  <a:pt x="4057009" y="396691"/>
                  <a:pt x="4072089" y="433737"/>
                  <a:pt x="4086514" y="469143"/>
                </a:cubicBezTo>
                <a:cubicBezTo>
                  <a:pt x="4093727" y="464554"/>
                  <a:pt x="4109135" y="454391"/>
                  <a:pt x="4127166" y="444883"/>
                </a:cubicBezTo>
                <a:cubicBezTo>
                  <a:pt x="4111758" y="408493"/>
                  <a:pt x="4103234" y="376365"/>
                  <a:pt x="4103562" y="351449"/>
                </a:cubicBezTo>
                <a:cubicBezTo>
                  <a:pt x="4103562" y="297028"/>
                  <a:pt x="4116675" y="252770"/>
                  <a:pt x="4139624" y="229821"/>
                </a:cubicBezTo>
                <a:cubicBezTo>
                  <a:pt x="4199619" y="169499"/>
                  <a:pt x="4316657" y="246541"/>
                  <a:pt x="4370095" y="328173"/>
                </a:cubicBezTo>
                <a:cubicBezTo>
                  <a:pt x="4386487" y="325878"/>
                  <a:pt x="4405829" y="322599"/>
                  <a:pt x="4422549" y="322599"/>
                </a:cubicBezTo>
                <a:cubicBezTo>
                  <a:pt x="4369111" y="226215"/>
                  <a:pt x="4260269" y="160975"/>
                  <a:pt x="4192078" y="160975"/>
                </a:cubicBezTo>
                <a:close/>
                <a:moveTo>
                  <a:pt x="673881" y="0"/>
                </a:moveTo>
                <a:lnTo>
                  <a:pt x="6260055" y="0"/>
                </a:lnTo>
                <a:cubicBezTo>
                  <a:pt x="6268266" y="1965728"/>
                  <a:pt x="6276478" y="3931458"/>
                  <a:pt x="6284689" y="5897187"/>
                </a:cubicBezTo>
                <a:lnTo>
                  <a:pt x="673881" y="5884488"/>
                </a:lnTo>
                <a:cubicBezTo>
                  <a:pt x="301707" y="5884488"/>
                  <a:pt x="0" y="5609781"/>
                  <a:pt x="0" y="5270912"/>
                </a:cubicBezTo>
                <a:lnTo>
                  <a:pt x="0" y="613575"/>
                </a:lnTo>
                <a:cubicBezTo>
                  <a:pt x="0" y="274707"/>
                  <a:pt x="301707" y="0"/>
                  <a:pt x="673881" y="0"/>
                </a:cubicBezTo>
                <a:close/>
              </a:path>
            </a:pathLst>
          </a:custGeom>
          <a:solidFill>
            <a:srgbClr val="414141"/>
          </a:solidFill>
        </p:spPr>
        <p:txBody>
          <a:bodyPr wrap="square" lIns="3420000" tIns="0" rIns="360000" anchor="ctr" anchorCtr="0">
            <a:noAutofit/>
          </a:bodyPr>
          <a:lstStyle>
            <a:lvl1pPr algn="l">
              <a:defRPr sz="1600">
                <a:solidFill>
                  <a:schemeClr val="bg1"/>
                </a:solidFill>
                <a:latin typeface="KPN" panose="020B0504010101010104" pitchFamily="34" charset="0"/>
              </a:defRPr>
            </a:lvl1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5" name="Naam" descr="{&quot;templafy&quot;:{&quot;id&quot;:&quot;19fb0be4-bb0d-4f3c-a64d-3bf220106ca3&quot;}}">
            <a:extLst>
              <a:ext uri="{FF2B5EF4-FFF2-40B4-BE49-F238E27FC236}">
                <a16:creationId xmlns:a16="http://schemas.microsoft.com/office/drawing/2014/main" id="{F7ED6296-1A49-F148-CAA4-08FBC9B745C1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635004" y="6242585"/>
            <a:ext cx="8110799" cy="41319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ts val="200"/>
              </a:spcBef>
              <a:buFont typeface="Arial" panose="020B0604020202020204" pitchFamily="34" charset="0"/>
              <a:buNone/>
              <a:defRPr sz="2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/>
            <a:r>
              <a:rPr lang="nl-NL" sz="1800" dirty="0"/>
              <a:t>Erwin Sprengers</a:t>
            </a:r>
          </a:p>
        </p:txBody>
      </p:sp>
      <p:sp>
        <p:nvSpPr>
          <p:cNvPr id="6" name="Datum" descr="{&quot;templafy&quot;:{&quot;id&quot;:&quot;2d02499c-8f00-4b76-a04f-19873027465d&quot;}}">
            <a:extLst>
              <a:ext uri="{FF2B5EF4-FFF2-40B4-BE49-F238E27FC236}">
                <a16:creationId xmlns:a16="http://schemas.microsoft.com/office/drawing/2014/main" id="{0544088D-4A14-8472-DD5E-107EA9F80C10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8745797" y="6242585"/>
            <a:ext cx="2993803" cy="41319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ts val="200"/>
              </a:spcBef>
              <a:buFont typeface="Arial" panose="020B0604020202020204" pitchFamily="34" charset="0"/>
              <a:buNone/>
              <a:defRPr sz="2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 algn="r"/>
            <a:r>
              <a:rPr lang="nl-NL" sz="1800" dirty="0"/>
              <a:t>7 februari 2024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D9764A71-E114-3CF4-2D06-E2F48BC5778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634450" y="1564299"/>
            <a:ext cx="5122247" cy="2935642"/>
          </a:xfrm>
        </p:spPr>
        <p:txBody>
          <a:bodyPr anchor="b" anchorCtr="0"/>
          <a:lstStyle>
            <a:lvl1pPr algn="l">
              <a:lnSpc>
                <a:spcPct val="70000"/>
              </a:lnSpc>
              <a:defRPr sz="75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nl-NL" dirty="0"/>
              <a:t>Titel over</a:t>
            </a:r>
            <a:br>
              <a:rPr lang="nl-NL" dirty="0"/>
            </a:br>
            <a:r>
              <a:rPr lang="nl-NL" dirty="0"/>
              <a:t>drie regels</a:t>
            </a:r>
            <a:br>
              <a:rPr lang="nl-NL" dirty="0"/>
            </a:br>
            <a:r>
              <a:rPr lang="nl-NL" dirty="0"/>
              <a:t>geplaatst</a:t>
            </a:r>
            <a:endParaRPr lang="nl-NL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32E9B1B3-90E3-21F9-343F-29ED0292C49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635000" y="4611770"/>
            <a:ext cx="5122247" cy="361513"/>
          </a:xfrm>
        </p:spPr>
        <p:txBody>
          <a:bodyPr anchor="t" anchorCtr="0"/>
          <a:lstStyle>
            <a:lvl1pPr marL="0" indent="0" algn="l">
              <a:lnSpc>
                <a:spcPct val="83000"/>
              </a:lnSpc>
              <a:buNone/>
              <a:defRPr sz="2800" b="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 algn="ctr">
              <a:buNone/>
              <a:defRPr sz="2000"/>
            </a:lvl2pPr>
            <a:lvl3pPr marL="914397" indent="0" algn="ctr">
              <a:buNone/>
              <a:defRPr sz="1800"/>
            </a:lvl3pPr>
            <a:lvl4pPr marL="1371594" indent="0" algn="ctr">
              <a:buNone/>
              <a:defRPr sz="1600"/>
            </a:lvl4pPr>
            <a:lvl5pPr marL="1828794" indent="0" algn="ctr">
              <a:buNone/>
              <a:defRPr sz="1600"/>
            </a:lvl5pPr>
            <a:lvl6pPr marL="2285994" indent="0" algn="ctr">
              <a:buNone/>
              <a:defRPr sz="1600"/>
            </a:lvl6pPr>
            <a:lvl7pPr marL="2743191" indent="0" algn="ctr">
              <a:buNone/>
              <a:defRPr sz="1600"/>
            </a:lvl7pPr>
            <a:lvl8pPr marL="3200391" indent="0" algn="ctr">
              <a:buNone/>
              <a:defRPr sz="1600"/>
            </a:lvl8pPr>
            <a:lvl9pPr marL="3657588" indent="0" algn="ctr">
              <a:buNone/>
              <a:defRPr sz="1600"/>
            </a:lvl9pPr>
          </a:lstStyle>
          <a:p>
            <a:r>
              <a:rPr lang="nl-NL" dirty="0"/>
              <a:t>Een omschrijving van de presentatie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32586078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ee foto's en twee tekst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EFE5488E-E976-4073-874B-3422E11C4D62}"/>
              </a:ext>
            </a:extLst>
          </p:cNvPr>
          <p:cNvSpPr>
            <a:spLocks noGrp="1"/>
          </p:cNvSpPr>
          <p:nvPr>
            <p:ph type="pic" idx="14" hasCustomPrompt="1"/>
          </p:nvPr>
        </p:nvSpPr>
        <p:spPr bwMode="gray">
          <a:xfrm>
            <a:off x="635006" y="1841500"/>
            <a:ext cx="5302250" cy="2476800"/>
          </a:xfrm>
          <a:prstGeom prst="roundRect">
            <a:avLst>
              <a:gd name="adj" fmla="val 18204"/>
            </a:avLst>
          </a:prstGeom>
          <a:solidFill>
            <a:srgbClr val="414141"/>
          </a:solidFill>
        </p:spPr>
        <p:txBody>
          <a:bodyPr vert="horz" wrap="square" lIns="2808000" tIns="252000" rIns="360000" bIns="0" rtlCol="0" anchor="ctr" anchorCtr="0">
            <a:noAutofit/>
          </a:bodyPr>
          <a:lstStyle>
            <a:lvl1pPr marL="0" indent="0">
              <a:buNone/>
              <a:defRPr lang="en-GB" sz="1600">
                <a:solidFill>
                  <a:schemeClr val="bg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FD970F53-287D-26AA-5369-E602D9CEFC35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35001" y="4559600"/>
            <a:ext cx="5302249" cy="1251336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0C2B0E95-B271-458C-BB0E-86F2A6856896}"/>
              </a:ext>
            </a:extLst>
          </p:cNvPr>
          <p:cNvSpPr>
            <a:spLocks noGrp="1"/>
          </p:cNvSpPr>
          <p:nvPr>
            <p:ph type="pic" idx="15" hasCustomPrompt="1"/>
          </p:nvPr>
        </p:nvSpPr>
        <p:spPr bwMode="gray">
          <a:xfrm>
            <a:off x="6254750" y="1841500"/>
            <a:ext cx="5302250" cy="2476500"/>
          </a:xfrm>
          <a:prstGeom prst="roundRect">
            <a:avLst>
              <a:gd name="adj" fmla="val 18206"/>
            </a:avLst>
          </a:prstGeom>
          <a:solidFill>
            <a:srgbClr val="414141"/>
          </a:solidFill>
        </p:spPr>
        <p:txBody>
          <a:bodyPr vert="horz" wrap="square" lIns="2808000" tIns="252000" rIns="360000" bIns="0" rtlCol="0" anchor="ctr" anchorCtr="0">
            <a:noAutofit/>
          </a:bodyPr>
          <a:lstStyle>
            <a:lvl1pPr marL="0" indent="0">
              <a:buNone/>
              <a:defRPr lang="en-GB" sz="1600">
                <a:solidFill>
                  <a:schemeClr val="bg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D4BA62E5-958A-CD5A-8875-A1C8F320CBD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254757" y="4529184"/>
            <a:ext cx="5302249" cy="1251336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377AA858-333A-DCF7-034F-F44B450D440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3DF35DD3-3AC1-EEDC-F1F3-1F1008857D9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91698420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rie foto's en drie tekst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D9AB0663-F37E-458B-9656-99D8A7BF48FD}"/>
              </a:ext>
            </a:extLst>
          </p:cNvPr>
          <p:cNvSpPr>
            <a:spLocks noGrp="1"/>
          </p:cNvSpPr>
          <p:nvPr>
            <p:ph type="pic" idx="15" hasCustomPrompt="1"/>
          </p:nvPr>
        </p:nvSpPr>
        <p:spPr bwMode="gray">
          <a:xfrm>
            <a:off x="635000" y="1841500"/>
            <a:ext cx="3429000" cy="2476800"/>
          </a:xfrm>
          <a:prstGeom prst="roundRect">
            <a:avLst>
              <a:gd name="adj" fmla="val 18204"/>
            </a:avLst>
          </a:prstGeom>
          <a:solidFill>
            <a:srgbClr val="414141"/>
          </a:solidFill>
        </p:spPr>
        <p:txBody>
          <a:bodyPr vert="horz" wrap="square" lIns="1872000" tIns="0" rIns="360000" bIns="0" rtlCol="0" anchor="ctr" anchorCtr="0">
            <a:noAutofit/>
          </a:bodyPr>
          <a:lstStyle>
            <a:lvl1pPr marL="0" indent="0">
              <a:buNone/>
              <a:defRPr lang="en-GB" sz="1600">
                <a:solidFill>
                  <a:schemeClr val="bg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B9DEA92A-C126-4CD3-9EB8-D60482532FE7}"/>
              </a:ext>
            </a:extLst>
          </p:cNvPr>
          <p:cNvSpPr>
            <a:spLocks noGrp="1"/>
          </p:cNvSpPr>
          <p:nvPr>
            <p:ph type="pic" idx="16" hasCustomPrompt="1"/>
          </p:nvPr>
        </p:nvSpPr>
        <p:spPr bwMode="gray">
          <a:xfrm>
            <a:off x="4379700" y="1841500"/>
            <a:ext cx="3429000" cy="2476800"/>
          </a:xfrm>
          <a:prstGeom prst="roundRect">
            <a:avLst>
              <a:gd name="adj" fmla="val 18204"/>
            </a:avLst>
          </a:prstGeom>
          <a:solidFill>
            <a:srgbClr val="414141"/>
          </a:solidFill>
        </p:spPr>
        <p:txBody>
          <a:bodyPr vert="horz" wrap="square" lIns="1872000" tIns="0" rIns="360000" bIns="0" rtlCol="0" anchor="ctr" anchorCtr="0">
            <a:noAutofit/>
          </a:bodyPr>
          <a:lstStyle>
            <a:lvl1pPr marL="0" indent="0">
              <a:buNone/>
              <a:defRPr lang="en-GB" sz="1600">
                <a:solidFill>
                  <a:schemeClr val="bg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C61B05D7-E2E7-4332-A8AA-A51ED6D59B91}"/>
              </a:ext>
            </a:extLst>
          </p:cNvPr>
          <p:cNvSpPr>
            <a:spLocks noGrp="1"/>
          </p:cNvSpPr>
          <p:nvPr>
            <p:ph type="pic" idx="17" hasCustomPrompt="1"/>
          </p:nvPr>
        </p:nvSpPr>
        <p:spPr bwMode="gray">
          <a:xfrm>
            <a:off x="8128900" y="1841500"/>
            <a:ext cx="3429000" cy="2476800"/>
          </a:xfrm>
          <a:prstGeom prst="roundRect">
            <a:avLst>
              <a:gd name="adj" fmla="val 18204"/>
            </a:avLst>
          </a:prstGeom>
          <a:solidFill>
            <a:srgbClr val="414141"/>
          </a:solidFill>
        </p:spPr>
        <p:txBody>
          <a:bodyPr vert="horz" wrap="square" lIns="1872000" tIns="0" rIns="360000" bIns="0" rtlCol="0" anchor="ctr" anchorCtr="0">
            <a:noAutofit/>
          </a:bodyPr>
          <a:lstStyle>
            <a:lvl1pPr marL="0" indent="0">
              <a:buNone/>
              <a:defRPr lang="en-GB" sz="1600">
                <a:solidFill>
                  <a:schemeClr val="bg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A704D122-5A09-BBFD-8D6F-AC6F7F03DB8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35007" y="4529300"/>
            <a:ext cx="3428999" cy="125122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B157F824-D1D3-63A4-D068-12CD0F9D18E8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381957" y="4529300"/>
            <a:ext cx="3428999" cy="125122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D9CA223E-3752-AAC9-80AB-B40554BFBE19}"/>
              </a:ext>
            </a:extLst>
          </p:cNvPr>
          <p:cNvSpPr>
            <a:spLocks noGrp="1"/>
          </p:cNvSpPr>
          <p:nvPr>
            <p:ph idx="19" hasCustomPrompt="1"/>
          </p:nvPr>
        </p:nvSpPr>
        <p:spPr>
          <a:xfrm>
            <a:off x="8128907" y="4529300"/>
            <a:ext cx="3428999" cy="125122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07E47A9-E42A-CF3B-D6CC-03A564996B1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F6C3BB85-5FE4-E3AF-8DF7-632CB6C0950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2074889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llustratie en tekst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D9AB0663-F37E-458B-9656-99D8A7BF48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5" hasCustomPrompt="1"/>
          </p:nvPr>
        </p:nvSpPr>
        <p:spPr bwMode="gray">
          <a:xfrm>
            <a:off x="633600" y="2205000"/>
            <a:ext cx="2811275" cy="2880000"/>
          </a:xfrm>
          <a:prstGeom prst="rect">
            <a:avLst/>
          </a:prstGeom>
          <a:noFill/>
          <a:effectLst/>
        </p:spPr>
        <p:txBody>
          <a:bodyPr vert="horz" wrap="square" lIns="360000" tIns="720000" rIns="360000" bIns="0" rtlCol="0" anchor="t" anchorCtr="0">
            <a:noAutofit/>
          </a:bodyPr>
          <a:lstStyle>
            <a:lvl1pPr marL="0" indent="0" algn="ctr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21" name="Text Placeholder 10">
            <a:extLst>
              <a:ext uri="{FF2B5EF4-FFF2-40B4-BE49-F238E27FC236}">
                <a16:creationId xmlns:a16="http://schemas.microsoft.com/office/drawing/2014/main" id="{78DED71D-7B3F-67B4-CC26-9C834C2154A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gray">
          <a:xfrm>
            <a:off x="4064006" y="2205000"/>
            <a:ext cx="6556375" cy="2880000"/>
          </a:xfrm>
          <a:prstGeom prst="roundRect">
            <a:avLst>
              <a:gd name="adj" fmla="val 15656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216000" tIns="180000" rIns="180000" bIns="144000"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0EB9FA3-0262-D611-5B0F-FE9544980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88533781-2FC5-8DB7-382B-FA3F7EC2408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07799557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ee Illustraties en tekstbox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D9AB0663-F37E-458B-9656-99D8A7BF48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5" hasCustomPrompt="1"/>
          </p:nvPr>
        </p:nvSpPr>
        <p:spPr>
          <a:xfrm>
            <a:off x="633606" y="1842979"/>
            <a:ext cx="2170176" cy="2170176"/>
          </a:xfrm>
          <a:prstGeom prst="rect">
            <a:avLst/>
          </a:prstGeom>
          <a:noFill/>
          <a:effectLst/>
        </p:spPr>
        <p:txBody>
          <a:bodyPr vert="horz" wrap="square" lIns="360000" tIns="108000" rIns="360000" bIns="0" rtlCol="0" anchor="t" anchorCtr="0">
            <a:noAutofit/>
          </a:bodyPr>
          <a:lstStyle>
            <a:lvl1pPr marL="0" indent="0" algn="ctr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B7EA4A7-B09D-F780-64A3-F7A29FE0809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33600" y="4426869"/>
            <a:ext cx="5302800" cy="1364343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313FFB6-6141-C40B-B20B-4E7225E594D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6" hasCustomPrompt="1"/>
          </p:nvPr>
        </p:nvSpPr>
        <p:spPr>
          <a:xfrm>
            <a:off x="6253206" y="1842979"/>
            <a:ext cx="2170176" cy="2170176"/>
          </a:xfrm>
          <a:prstGeom prst="rect">
            <a:avLst/>
          </a:prstGeom>
          <a:noFill/>
          <a:effectLst/>
        </p:spPr>
        <p:txBody>
          <a:bodyPr vert="horz" wrap="square" lIns="360000" tIns="108000" rIns="360000" bIns="0" rtlCol="0" anchor="t" anchorCtr="0">
            <a:noAutofit/>
          </a:bodyPr>
          <a:lstStyle>
            <a:lvl1pPr marL="0" indent="0" algn="ctr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18" name="Content Placeholder 5">
            <a:extLst>
              <a:ext uri="{FF2B5EF4-FFF2-40B4-BE49-F238E27FC236}">
                <a16:creationId xmlns:a16="http://schemas.microsoft.com/office/drawing/2014/main" id="{2367EBD6-8FBB-DCC8-AB51-71BFA7C20D24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53200" y="4426869"/>
            <a:ext cx="5302800" cy="1364343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D727A0D-366A-5882-9E07-8C276D56D47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681FD9E4-48BF-6337-4BAE-CD54E50A89E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87781152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rie tekstboxen met Illustrat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CBD123D-75D1-2180-15BE-E9ECB1327F4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gray">
          <a:xfrm>
            <a:off x="633600" y="1840330"/>
            <a:ext cx="3430800" cy="3950870"/>
          </a:xfrm>
          <a:prstGeom prst="roundRect">
            <a:avLst>
              <a:gd name="adj" fmla="val 13142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162000" tIns="1962000" rIns="126000" bIns="54000"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D9AB0663-F37E-458B-9656-99D8A7BF48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5" hasCustomPrompt="1"/>
          </p:nvPr>
        </p:nvSpPr>
        <p:spPr>
          <a:xfrm>
            <a:off x="1544328" y="2020779"/>
            <a:ext cx="1609344" cy="1609344"/>
          </a:xfrm>
          <a:prstGeom prst="rect">
            <a:avLst/>
          </a:prstGeom>
          <a:noFill/>
          <a:effectLst/>
        </p:spPr>
        <p:txBody>
          <a:bodyPr vert="horz" wrap="square" lIns="0" tIns="0" rIns="0" bIns="0" rtlCol="0" anchor="t" anchorCtr="0">
            <a:noAutofit/>
          </a:bodyPr>
          <a:lstStyle>
            <a:lvl1pPr marL="0" indent="0" algn="ctr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20" name="Text Placeholder 10">
            <a:extLst>
              <a:ext uri="{FF2B5EF4-FFF2-40B4-BE49-F238E27FC236}">
                <a16:creationId xmlns:a16="http://schemas.microsoft.com/office/drawing/2014/main" id="{493EF836-B255-B0F5-48E7-527BFC322B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gray">
          <a:xfrm>
            <a:off x="4380250" y="1840330"/>
            <a:ext cx="3430800" cy="3950870"/>
          </a:xfrm>
          <a:prstGeom prst="roundRect">
            <a:avLst>
              <a:gd name="adj" fmla="val 13142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162000" tIns="1962000" rIns="126000" bIns="54000"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22" name="Picture Placeholder 2">
            <a:extLst>
              <a:ext uri="{FF2B5EF4-FFF2-40B4-BE49-F238E27FC236}">
                <a16:creationId xmlns:a16="http://schemas.microsoft.com/office/drawing/2014/main" id="{148DC1ED-F4F6-C960-3457-62C09F4FCC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6" hasCustomPrompt="1"/>
          </p:nvPr>
        </p:nvSpPr>
        <p:spPr>
          <a:xfrm>
            <a:off x="5290978" y="2020779"/>
            <a:ext cx="1609344" cy="1609344"/>
          </a:xfrm>
          <a:prstGeom prst="rect">
            <a:avLst/>
          </a:prstGeom>
          <a:noFill/>
          <a:effectLst/>
        </p:spPr>
        <p:txBody>
          <a:bodyPr vert="horz" wrap="square" lIns="0" tIns="0" rIns="0" bIns="0" rtlCol="0" anchor="t" anchorCtr="0">
            <a:noAutofit/>
          </a:bodyPr>
          <a:lstStyle>
            <a:lvl1pPr marL="0" indent="0" algn="ctr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24" name="Text Placeholder 10">
            <a:extLst>
              <a:ext uri="{FF2B5EF4-FFF2-40B4-BE49-F238E27FC236}">
                <a16:creationId xmlns:a16="http://schemas.microsoft.com/office/drawing/2014/main" id="{97B60CF7-6E96-68CA-41CE-07513538861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8128000" y="1840330"/>
            <a:ext cx="3430800" cy="3950870"/>
          </a:xfrm>
          <a:prstGeom prst="roundRect">
            <a:avLst>
              <a:gd name="adj" fmla="val 13142"/>
            </a:avLst>
          </a:prstGeom>
          <a:solidFill>
            <a:schemeClr val="bg1"/>
          </a:solidFill>
          <a:effectLst>
            <a:outerShdw blurRad="635000" dir="5400000" algn="ctr" rotWithShape="0">
              <a:srgbClr val="000000">
                <a:alpha val="10000"/>
              </a:srgbClr>
            </a:outerShdw>
          </a:effectLst>
        </p:spPr>
        <p:txBody>
          <a:bodyPr lIns="162000" tIns="1962000" rIns="126000" bIns="54000"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25" name="Picture Placeholder 2">
            <a:extLst>
              <a:ext uri="{FF2B5EF4-FFF2-40B4-BE49-F238E27FC236}">
                <a16:creationId xmlns:a16="http://schemas.microsoft.com/office/drawing/2014/main" id="{835477EE-4191-F986-AA2F-B51CF4F3CA7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7" hasCustomPrompt="1"/>
          </p:nvPr>
        </p:nvSpPr>
        <p:spPr>
          <a:xfrm>
            <a:off x="9038728" y="2020779"/>
            <a:ext cx="1609344" cy="1609344"/>
          </a:xfrm>
          <a:prstGeom prst="rect">
            <a:avLst/>
          </a:prstGeom>
          <a:noFill/>
          <a:effectLst/>
        </p:spPr>
        <p:txBody>
          <a:bodyPr vert="horz" wrap="square" lIns="0" tIns="0" rIns="0" bIns="0" rtlCol="0" anchor="t" anchorCtr="0">
            <a:noAutofit/>
          </a:bodyPr>
          <a:lstStyle>
            <a:lvl1pPr marL="0" indent="0" algn="ctr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FFDB8FC-1D8D-0F67-DFF5-BFEFB969B0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Dit is een titel</a:t>
            </a:r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E828E561-ABF0-450A-145D-4F071C130EA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06798444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rie tekstboxen met pictogrammen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CBD123D-75D1-2180-15BE-E9ECB1327F4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33600" y="3911600"/>
            <a:ext cx="3430800" cy="1879600"/>
          </a:xfrm>
          <a:prstGeom prst="rect">
            <a:avLst/>
          </a:prstGeom>
          <a:noFill/>
          <a:effectLst/>
        </p:spPr>
        <p:txBody>
          <a:bodyPr lIns="0" tIns="0" rIns="0" bIns="0"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D9AB0663-F37E-458B-9656-99D8A7BF48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5" hasCustomPrompt="1"/>
          </p:nvPr>
        </p:nvSpPr>
        <p:spPr>
          <a:xfrm>
            <a:off x="633600" y="1842979"/>
            <a:ext cx="1728000" cy="1728000"/>
          </a:xfrm>
          <a:prstGeom prst="roundRect">
            <a:avLst>
              <a:gd name="adj" fmla="val 8819"/>
            </a:avLst>
          </a:prstGeom>
          <a:solidFill>
            <a:srgbClr val="00C300"/>
          </a:solidFill>
          <a:effectLst>
            <a:outerShdw blurRad="635000" dir="5400000" algn="t" rotWithShape="0">
              <a:prstClr val="black">
                <a:alpha val="10000"/>
              </a:prstClr>
            </a:outerShdw>
          </a:effectLst>
        </p:spPr>
        <p:txBody>
          <a:bodyPr vert="horz" wrap="square" lIns="0" tIns="0" rIns="0" bIns="0" rtlCol="0" anchor="t" anchorCtr="0">
            <a:noAutofit/>
          </a:bodyPr>
          <a:lstStyle>
            <a:lvl1pPr marL="0" indent="0" algn="ctr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20" name="Text Placeholder 10">
            <a:extLst>
              <a:ext uri="{FF2B5EF4-FFF2-40B4-BE49-F238E27FC236}">
                <a16:creationId xmlns:a16="http://schemas.microsoft.com/office/drawing/2014/main" id="{493EF836-B255-B0F5-48E7-527BFC322B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380250" y="3911600"/>
            <a:ext cx="3430800" cy="1879600"/>
          </a:xfrm>
          <a:prstGeom prst="rect">
            <a:avLst/>
          </a:prstGeom>
          <a:noFill/>
          <a:effectLst/>
        </p:spPr>
        <p:txBody>
          <a:bodyPr lIns="0" tIns="0" rIns="0" bIns="0"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22" name="Picture Placeholder 2">
            <a:extLst>
              <a:ext uri="{FF2B5EF4-FFF2-40B4-BE49-F238E27FC236}">
                <a16:creationId xmlns:a16="http://schemas.microsoft.com/office/drawing/2014/main" id="{148DC1ED-F4F6-C960-3457-62C09F4FCC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6" hasCustomPrompt="1"/>
          </p:nvPr>
        </p:nvSpPr>
        <p:spPr>
          <a:xfrm>
            <a:off x="4380250" y="1842979"/>
            <a:ext cx="1728000" cy="1727200"/>
          </a:xfrm>
          <a:prstGeom prst="roundRect">
            <a:avLst>
              <a:gd name="adj" fmla="val 8824"/>
            </a:avLst>
          </a:prstGeom>
          <a:solidFill>
            <a:srgbClr val="00C300"/>
          </a:solidFill>
          <a:effectLst>
            <a:outerShdw blurRad="635000" dir="5400000" algn="t" rotWithShape="0">
              <a:prstClr val="black">
                <a:alpha val="10000"/>
              </a:prstClr>
            </a:outerShdw>
          </a:effectLst>
        </p:spPr>
        <p:txBody>
          <a:bodyPr vert="horz" wrap="square" lIns="0" tIns="0" rIns="0" bIns="0" rtlCol="0" anchor="t" anchorCtr="0">
            <a:noAutofit/>
          </a:bodyPr>
          <a:lstStyle>
            <a:lvl1pPr marL="0" indent="0" algn="ctr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24" name="Text Placeholder 10">
            <a:extLst>
              <a:ext uri="{FF2B5EF4-FFF2-40B4-BE49-F238E27FC236}">
                <a16:creationId xmlns:a16="http://schemas.microsoft.com/office/drawing/2014/main" id="{97B60CF7-6E96-68CA-41CE-07513538861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8128000" y="3911600"/>
            <a:ext cx="3430800" cy="1879600"/>
          </a:xfrm>
          <a:prstGeom prst="rect">
            <a:avLst/>
          </a:prstGeom>
          <a:noFill/>
          <a:effectLst/>
        </p:spPr>
        <p:txBody>
          <a:bodyPr lIns="0" tIns="0" rIns="0" bIns="0"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25" name="Picture Placeholder 2">
            <a:extLst>
              <a:ext uri="{FF2B5EF4-FFF2-40B4-BE49-F238E27FC236}">
                <a16:creationId xmlns:a16="http://schemas.microsoft.com/office/drawing/2014/main" id="{835477EE-4191-F986-AA2F-B51CF4F3CA7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7" hasCustomPrompt="1"/>
          </p:nvPr>
        </p:nvSpPr>
        <p:spPr>
          <a:xfrm>
            <a:off x="8128000" y="1842979"/>
            <a:ext cx="1728000" cy="1727200"/>
          </a:xfrm>
          <a:prstGeom prst="roundRect">
            <a:avLst>
              <a:gd name="adj" fmla="val 8824"/>
            </a:avLst>
          </a:prstGeom>
          <a:solidFill>
            <a:srgbClr val="00C300"/>
          </a:solidFill>
          <a:effectLst>
            <a:outerShdw blurRad="635000" dir="5400000" algn="t" rotWithShape="0">
              <a:prstClr val="black">
                <a:alpha val="10000"/>
              </a:prstClr>
            </a:outerShdw>
          </a:effectLst>
        </p:spPr>
        <p:txBody>
          <a:bodyPr vert="horz" wrap="square" lIns="0" tIns="0" rIns="0" bIns="0" rtlCol="0" anchor="t" anchorCtr="0">
            <a:noAutofit/>
          </a:bodyPr>
          <a:lstStyle>
            <a:lvl1pPr marL="0" indent="0" algn="ctr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6061518-93AE-E96E-41F0-1DB3F743F42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1F7BCC22-A3F3-8758-B916-29C3A733216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527502943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en grafie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5" name="Chart Placeholder 4">
            <a:extLst>
              <a:ext uri="{FF2B5EF4-FFF2-40B4-BE49-F238E27FC236}">
                <a16:creationId xmlns:a16="http://schemas.microsoft.com/office/drawing/2014/main" id="{2CF20FF5-9A00-4B97-B9F5-947B0D808E78}"/>
              </a:ext>
            </a:extLst>
          </p:cNvPr>
          <p:cNvSpPr>
            <a:spLocks noGrp="1"/>
          </p:cNvSpPr>
          <p:nvPr>
            <p:ph type="chart" sz="quarter" idx="13" hasCustomPrompt="1"/>
          </p:nvPr>
        </p:nvSpPr>
        <p:spPr>
          <a:xfrm>
            <a:off x="6256156" y="1840335"/>
            <a:ext cx="5302250" cy="3941269"/>
          </a:xfrm>
        </p:spPr>
        <p:txBody>
          <a:bodyPr lIns="2880000" tIns="0" rIns="360000" anchor="ctr"/>
          <a:lstStyle>
            <a:lvl1pPr>
              <a:defRPr sz="1800"/>
            </a:lvl1pPr>
          </a:lstStyle>
          <a:p>
            <a:r>
              <a:rPr lang="nl-NL" dirty="0"/>
              <a:t>Klik op icoon om grafiek in te voegen</a:t>
            </a:r>
            <a:endParaRPr lang="nl-NL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C4246BC2-C5E4-ACA4-3ED7-E21C5155E41B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35001" y="1840334"/>
            <a:ext cx="5302249" cy="3940189"/>
          </a:xfrm>
        </p:spPr>
        <p:txBody>
          <a:bodyPr numCol="1" spcCol="316800"/>
          <a:lstStyle>
            <a:lvl1pPr>
              <a:defRPr/>
            </a:lvl1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D1FE9AF1-FC7B-2A45-3ADE-BBC46C6A8C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6BB7A594-323C-F978-C60A-3607FEBAA39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325780196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A3FEA29-48CF-40E1-8D20-393D99F047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E838AEC-A54A-E404-A2CE-13BD4BBE705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2C40700E-1EB8-92EC-8BA0-A69DDACCAAF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06593815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lleen titel groen">
    <p:bg bwMode="gray">
      <p:bgPr>
        <a:solidFill>
          <a:srgbClr val="00C3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A3FEA29-48CF-40E1-8D20-393D99F047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978B2FF-0EC6-496A-9F3F-A37EF0BEACA5}" type="slidenum">
              <a:rPr lang="nl-NL" smtClean="0"/>
              <a:pPr/>
              <a:t>‹#›</a:t>
            </a:fld>
            <a:endParaRPr lang="nl-NL" dirty="0"/>
          </a:p>
        </p:txBody>
      </p:sp>
      <p:pic>
        <p:nvPicPr>
          <p:cNvPr id="4" name="Afbeelding 3" descr="Afbeelding met Graphics, Lettertype, logo, grafische vormgeving&#10;&#10;Automatisch gegenereerde beschrijving">
            <a:extLst>
              <a:ext uri="{FF2B5EF4-FFF2-40B4-BE49-F238E27FC236}">
                <a16:creationId xmlns:a16="http://schemas.microsoft.com/office/drawing/2014/main" id="{E2E2D386-0A7A-6F47-CD72-6B086ED53AB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407606" y="5857200"/>
            <a:ext cx="1515083" cy="838800"/>
          </a:xfrm>
          <a:prstGeom prst="rect">
            <a:avLst/>
          </a:prstGeom>
        </p:spPr>
      </p:pic>
      <p:sp>
        <p:nvSpPr>
          <p:cNvPr id="2" name="Footer" descr="{&quot;templafy&quot;:{&quot;id&quot;:&quot;6781cd91-3ee2-4b62-9a4d-d63157b80b93&quot;}}">
            <a:extLst>
              <a:ext uri="{FF2B5EF4-FFF2-40B4-BE49-F238E27FC236}">
                <a16:creationId xmlns:a16="http://schemas.microsoft.com/office/drawing/2014/main" id="{704BE20E-88B0-CB82-5A60-5983C8CAEAEC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1016355" y="6246243"/>
            <a:ext cx="4920890" cy="2148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ts val="200"/>
              </a:spcBef>
              <a:buFont typeface="Arial" panose="020B0604020202020204" pitchFamily="34" charset="0"/>
              <a:buNone/>
              <a:defRPr sz="2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/>
            <a:r>
              <a:rPr lang="nl-NL" sz="1400" dirty="0">
                <a:solidFill>
                  <a:schemeClr val="bg1"/>
                </a:solidFill>
              </a:rPr>
              <a:t>Ik ben toch helemaal niet interessant?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B307907-E704-6356-F239-69455F6D33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Dit is een titel</a:t>
            </a: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2E73B837-7F13-6E36-AEEA-C852AC110CD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bg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464776750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Alleen logo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E793CCA-80C4-4E69-B958-ADE6ECD705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31229701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t 1/2 foto">
    <p:bg bwMode="gray">
      <p:bgPr>
        <a:solidFill>
          <a:srgbClr val="00C3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Rectangle 28">
            <a:extLst>
              <a:ext uri="{FF2B5EF4-FFF2-40B4-BE49-F238E27FC236}">
                <a16:creationId xmlns:a16="http://schemas.microsoft.com/office/drawing/2014/main" id="{2A0AB6F8-F205-9E59-F6D8-3A9F3D9D51D5}"/>
              </a:ext>
            </a:extLst>
          </p:cNvPr>
          <p:cNvSpPr/>
          <p:nvPr userDrawn="1"/>
        </p:nvSpPr>
        <p:spPr>
          <a:xfrm>
            <a:off x="9833102" y="450737"/>
            <a:ext cx="1906503" cy="9144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sz="180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4493B707-25F4-C55C-C5FE-B970F0B6CB9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 bwMode="white">
          <a:xfrm>
            <a:off x="6254750" y="4"/>
            <a:ext cx="5937250" cy="6857999"/>
          </a:xfrm>
          <a:custGeom>
            <a:avLst/>
            <a:gdLst>
              <a:gd name="connsiteX0" fmla="*/ 3971455 w 5937250"/>
              <a:gd name="connsiteY0" fmla="*/ 909039 h 6857999"/>
              <a:gd name="connsiteX1" fmla="*/ 3869989 w 5937250"/>
              <a:gd name="connsiteY1" fmla="*/ 923054 h 6857999"/>
              <a:gd name="connsiteX2" fmla="*/ 3883103 w 5937250"/>
              <a:gd name="connsiteY2" fmla="*/ 962395 h 6857999"/>
              <a:gd name="connsiteX3" fmla="*/ 3888676 w 5937250"/>
              <a:gd name="connsiteY3" fmla="*/ 961083 h 6857999"/>
              <a:gd name="connsiteX4" fmla="*/ 4059808 w 5937250"/>
              <a:gd name="connsiteY4" fmla="*/ 962395 h 6857999"/>
              <a:gd name="connsiteX5" fmla="*/ 4072921 w 5937250"/>
              <a:gd name="connsiteY5" fmla="*/ 923054 h 6857999"/>
              <a:gd name="connsiteX6" fmla="*/ 3971455 w 5937250"/>
              <a:gd name="connsiteY6" fmla="*/ 909039 h 6857999"/>
              <a:gd name="connsiteX7" fmla="*/ 4075871 w 5937250"/>
              <a:gd name="connsiteY7" fmla="*/ 800442 h 6857999"/>
              <a:gd name="connsiteX8" fmla="*/ 4072593 w 5937250"/>
              <a:gd name="connsiteY8" fmla="*/ 832570 h 6857999"/>
              <a:gd name="connsiteX9" fmla="*/ 4077839 w 5937250"/>
              <a:gd name="connsiteY9" fmla="*/ 833553 h 6857999"/>
              <a:gd name="connsiteX10" fmla="*/ 4085379 w 5937250"/>
              <a:gd name="connsiteY10" fmla="*/ 840766 h 6857999"/>
              <a:gd name="connsiteX11" fmla="*/ 4051284 w 5937250"/>
              <a:gd name="connsiteY11" fmla="*/ 883713 h 6857999"/>
              <a:gd name="connsiteX12" fmla="*/ 4044399 w 5937250"/>
              <a:gd name="connsiteY12" fmla="*/ 890597 h 6857999"/>
              <a:gd name="connsiteX13" fmla="*/ 4085379 w 5937250"/>
              <a:gd name="connsiteY13" fmla="*/ 901088 h 6857999"/>
              <a:gd name="connsiteX14" fmla="*/ 4125703 w 5937250"/>
              <a:gd name="connsiteY14" fmla="*/ 838143 h 6857999"/>
              <a:gd name="connsiteX15" fmla="*/ 4075871 w 5937250"/>
              <a:gd name="connsiteY15" fmla="*/ 800442 h 6857999"/>
              <a:gd name="connsiteX16" fmla="*/ 3862449 w 5937250"/>
              <a:gd name="connsiteY16" fmla="*/ 800115 h 6857999"/>
              <a:gd name="connsiteX17" fmla="*/ 3817535 w 5937250"/>
              <a:gd name="connsiteY17" fmla="*/ 838144 h 6857999"/>
              <a:gd name="connsiteX18" fmla="*/ 3857859 w 5937250"/>
              <a:gd name="connsiteY18" fmla="*/ 901089 h 6857999"/>
              <a:gd name="connsiteX19" fmla="*/ 3898839 w 5937250"/>
              <a:gd name="connsiteY19" fmla="*/ 890598 h 6857999"/>
              <a:gd name="connsiteX20" fmla="*/ 3857859 w 5937250"/>
              <a:gd name="connsiteY20" fmla="*/ 840439 h 6857999"/>
              <a:gd name="connsiteX21" fmla="*/ 3865400 w 5937250"/>
              <a:gd name="connsiteY21" fmla="*/ 833227 h 6857999"/>
              <a:gd name="connsiteX22" fmla="*/ 3870645 w 5937250"/>
              <a:gd name="connsiteY22" fmla="*/ 832243 h 6857999"/>
              <a:gd name="connsiteX23" fmla="*/ 3867367 w 5937250"/>
              <a:gd name="connsiteY23" fmla="*/ 800115 h 6857999"/>
              <a:gd name="connsiteX24" fmla="*/ 3728690 w 5937250"/>
              <a:gd name="connsiteY24" fmla="*/ 780443 h 6857999"/>
              <a:gd name="connsiteX25" fmla="*/ 3672630 w 5937250"/>
              <a:gd name="connsiteY25" fmla="*/ 885679 h 6857999"/>
              <a:gd name="connsiteX26" fmla="*/ 3721150 w 5937250"/>
              <a:gd name="connsiteY26" fmla="*/ 983703 h 6857999"/>
              <a:gd name="connsiteX27" fmla="*/ 4035547 w 5937250"/>
              <a:gd name="connsiteY27" fmla="*/ 1050254 h 6857999"/>
              <a:gd name="connsiteX28" fmla="*/ 4000469 w 5937250"/>
              <a:gd name="connsiteY28" fmla="*/ 1014520 h 6857999"/>
              <a:gd name="connsiteX29" fmla="*/ 3753934 w 5937250"/>
              <a:gd name="connsiteY29" fmla="*/ 950591 h 6857999"/>
              <a:gd name="connsiteX30" fmla="*/ 3719183 w 5937250"/>
              <a:gd name="connsiteY30" fmla="*/ 885679 h 6857999"/>
              <a:gd name="connsiteX31" fmla="*/ 3746066 w 5937250"/>
              <a:gd name="connsiteY31" fmla="*/ 825357 h 6857999"/>
              <a:gd name="connsiteX32" fmla="*/ 3728690 w 5937250"/>
              <a:gd name="connsiteY32" fmla="*/ 780443 h 6857999"/>
              <a:gd name="connsiteX33" fmla="*/ 4820834 w 5937250"/>
              <a:gd name="connsiteY33" fmla="*/ 762188 h 6857999"/>
              <a:gd name="connsiteX34" fmla="*/ 4886945 w 5937250"/>
              <a:gd name="connsiteY34" fmla="*/ 839455 h 6857999"/>
              <a:gd name="connsiteX35" fmla="*/ 4821049 w 5937250"/>
              <a:gd name="connsiteY35" fmla="*/ 920103 h 6857999"/>
              <a:gd name="connsiteX36" fmla="*/ 4782692 w 5937250"/>
              <a:gd name="connsiteY36" fmla="*/ 914202 h 6857999"/>
              <a:gd name="connsiteX37" fmla="*/ 4782692 w 5937250"/>
              <a:gd name="connsiteY37" fmla="*/ 770609 h 6857999"/>
              <a:gd name="connsiteX38" fmla="*/ 4820834 w 5937250"/>
              <a:gd name="connsiteY38" fmla="*/ 762188 h 6857999"/>
              <a:gd name="connsiteX39" fmla="*/ 3931904 w 5937250"/>
              <a:gd name="connsiteY39" fmla="*/ 755323 h 6857999"/>
              <a:gd name="connsiteX40" fmla="*/ 3887692 w 5937250"/>
              <a:gd name="connsiteY40" fmla="*/ 801426 h 6857999"/>
              <a:gd name="connsiteX41" fmla="*/ 3919493 w 5937250"/>
              <a:gd name="connsiteY41" fmla="*/ 889615 h 6857999"/>
              <a:gd name="connsiteX42" fmla="*/ 3962439 w 5937250"/>
              <a:gd name="connsiteY42" fmla="*/ 886336 h 6857999"/>
              <a:gd name="connsiteX43" fmla="*/ 3958505 w 5937250"/>
              <a:gd name="connsiteY43" fmla="*/ 879124 h 6857999"/>
              <a:gd name="connsiteX44" fmla="*/ 3929983 w 5937250"/>
              <a:gd name="connsiteY44" fmla="*/ 809622 h 6857999"/>
              <a:gd name="connsiteX45" fmla="*/ 3957850 w 5937250"/>
              <a:gd name="connsiteY45" fmla="*/ 795197 h 6857999"/>
              <a:gd name="connsiteX46" fmla="*/ 3957850 w 5937250"/>
              <a:gd name="connsiteY46" fmla="*/ 759463 h 6857999"/>
              <a:gd name="connsiteX47" fmla="*/ 3931904 w 5937250"/>
              <a:gd name="connsiteY47" fmla="*/ 755323 h 6857999"/>
              <a:gd name="connsiteX48" fmla="*/ 4011011 w 5937250"/>
              <a:gd name="connsiteY48" fmla="*/ 754857 h 6857999"/>
              <a:gd name="connsiteX49" fmla="*/ 3985061 w 5937250"/>
              <a:gd name="connsiteY49" fmla="*/ 758806 h 6857999"/>
              <a:gd name="connsiteX50" fmla="*/ 3985061 w 5937250"/>
              <a:gd name="connsiteY50" fmla="*/ 794542 h 6857999"/>
              <a:gd name="connsiteX51" fmla="*/ 4012927 w 5937250"/>
              <a:gd name="connsiteY51" fmla="*/ 808966 h 6857999"/>
              <a:gd name="connsiteX52" fmla="*/ 3984405 w 5937250"/>
              <a:gd name="connsiteY52" fmla="*/ 878468 h 6857999"/>
              <a:gd name="connsiteX53" fmla="*/ 3980799 w 5937250"/>
              <a:gd name="connsiteY53" fmla="*/ 886009 h 6857999"/>
              <a:gd name="connsiteX54" fmla="*/ 4023746 w 5937250"/>
              <a:gd name="connsiteY54" fmla="*/ 889287 h 6857999"/>
              <a:gd name="connsiteX55" fmla="*/ 4055546 w 5937250"/>
              <a:gd name="connsiteY55" fmla="*/ 801098 h 6857999"/>
              <a:gd name="connsiteX56" fmla="*/ 4011011 w 5937250"/>
              <a:gd name="connsiteY56" fmla="*/ 754857 h 6857999"/>
              <a:gd name="connsiteX57" fmla="*/ 5178065 w 5937250"/>
              <a:gd name="connsiteY57" fmla="*/ 698485 h 6857999"/>
              <a:gd name="connsiteX58" fmla="*/ 5046602 w 5937250"/>
              <a:gd name="connsiteY58" fmla="*/ 723073 h 6857999"/>
              <a:gd name="connsiteX59" fmla="*/ 5046602 w 5937250"/>
              <a:gd name="connsiteY59" fmla="*/ 978131 h 6857999"/>
              <a:gd name="connsiteX60" fmla="*/ 5132168 w 5937250"/>
              <a:gd name="connsiteY60" fmla="*/ 978131 h 6857999"/>
              <a:gd name="connsiteX61" fmla="*/ 5132168 w 5937250"/>
              <a:gd name="connsiteY61" fmla="*/ 773232 h 6857999"/>
              <a:gd name="connsiteX62" fmla="*/ 5176098 w 5937250"/>
              <a:gd name="connsiteY62" fmla="*/ 764708 h 6857999"/>
              <a:gd name="connsiteX63" fmla="*/ 5231175 w 5937250"/>
              <a:gd name="connsiteY63" fmla="*/ 845029 h 6857999"/>
              <a:gd name="connsiteX64" fmla="*/ 5231175 w 5937250"/>
              <a:gd name="connsiteY64" fmla="*/ 978131 h 6857999"/>
              <a:gd name="connsiteX65" fmla="*/ 5316741 w 5937250"/>
              <a:gd name="connsiteY65" fmla="*/ 978131 h 6857999"/>
              <a:gd name="connsiteX66" fmla="*/ 5316741 w 5937250"/>
              <a:gd name="connsiteY66" fmla="*/ 832571 h 6857999"/>
              <a:gd name="connsiteX67" fmla="*/ 5178065 w 5937250"/>
              <a:gd name="connsiteY67" fmla="*/ 698485 h 6857999"/>
              <a:gd name="connsiteX68" fmla="*/ 4825311 w 5937250"/>
              <a:gd name="connsiteY68" fmla="*/ 697173 h 6857999"/>
              <a:gd name="connsiteX69" fmla="*/ 4697126 w 5937250"/>
              <a:gd name="connsiteY69" fmla="*/ 721761 h 6857999"/>
              <a:gd name="connsiteX70" fmla="*/ 4697126 w 5937250"/>
              <a:gd name="connsiteY70" fmla="*/ 1082056 h 6857999"/>
              <a:gd name="connsiteX71" fmla="*/ 4782692 w 5937250"/>
              <a:gd name="connsiteY71" fmla="*/ 1082056 h 6857999"/>
              <a:gd name="connsiteX72" fmla="*/ 4782692 w 5937250"/>
              <a:gd name="connsiteY72" fmla="*/ 979114 h 6857999"/>
              <a:gd name="connsiteX73" fmla="*/ 4975133 w 5937250"/>
              <a:gd name="connsiteY73" fmla="*/ 839127 h 6857999"/>
              <a:gd name="connsiteX74" fmla="*/ 4825311 w 5937250"/>
              <a:gd name="connsiteY74" fmla="*/ 697173 h 6857999"/>
              <a:gd name="connsiteX75" fmla="*/ 4110623 w 5937250"/>
              <a:gd name="connsiteY75" fmla="*/ 689304 h 6857999"/>
              <a:gd name="connsiteX76" fmla="*/ 4066692 w 5937250"/>
              <a:gd name="connsiteY76" fmla="*/ 693238 h 6857999"/>
              <a:gd name="connsiteX77" fmla="*/ 4079150 w 5937250"/>
              <a:gd name="connsiteY77" fmla="*/ 739136 h 6857999"/>
              <a:gd name="connsiteX78" fmla="*/ 4110623 w 5937250"/>
              <a:gd name="connsiteY78" fmla="*/ 736513 h 6857999"/>
              <a:gd name="connsiteX79" fmla="*/ 4208319 w 5937250"/>
              <a:gd name="connsiteY79" fmla="*/ 812900 h 6857999"/>
              <a:gd name="connsiteX80" fmla="*/ 4184386 w 5937250"/>
              <a:gd name="connsiteY80" fmla="*/ 893876 h 6857999"/>
              <a:gd name="connsiteX81" fmla="*/ 4161438 w 5937250"/>
              <a:gd name="connsiteY81" fmla="*/ 961083 h 6857999"/>
              <a:gd name="connsiteX82" fmla="*/ 4058824 w 5937250"/>
              <a:gd name="connsiteY82" fmla="*/ 1070253 h 6857999"/>
              <a:gd name="connsiteX83" fmla="*/ 4008337 w 5937250"/>
              <a:gd name="connsiteY83" fmla="*/ 1090251 h 6857999"/>
              <a:gd name="connsiteX84" fmla="*/ 4089313 w 5937250"/>
              <a:gd name="connsiteY84" fmla="*/ 1126641 h 6857999"/>
              <a:gd name="connsiteX85" fmla="*/ 4206679 w 5937250"/>
              <a:gd name="connsiteY85" fmla="*/ 972229 h 6857999"/>
              <a:gd name="connsiteX86" fmla="*/ 4254872 w 5937250"/>
              <a:gd name="connsiteY86" fmla="*/ 812572 h 6857999"/>
              <a:gd name="connsiteX87" fmla="*/ 4110623 w 5937250"/>
              <a:gd name="connsiteY87" fmla="*/ 689304 h 6857999"/>
              <a:gd name="connsiteX88" fmla="*/ 3971619 w 5937250"/>
              <a:gd name="connsiteY88" fmla="*/ 677175 h 6857999"/>
              <a:gd name="connsiteX89" fmla="*/ 3939819 w 5937250"/>
              <a:gd name="connsiteY89" fmla="*/ 710287 h 6857999"/>
              <a:gd name="connsiteX90" fmla="*/ 3971619 w 5937250"/>
              <a:gd name="connsiteY90" fmla="*/ 743398 h 6857999"/>
              <a:gd name="connsiteX91" fmla="*/ 4003420 w 5937250"/>
              <a:gd name="connsiteY91" fmla="*/ 710287 h 6857999"/>
              <a:gd name="connsiteX92" fmla="*/ 4360436 w 5937250"/>
              <a:gd name="connsiteY92" fmla="*/ 602100 h 6857999"/>
              <a:gd name="connsiteX93" fmla="*/ 4360436 w 5937250"/>
              <a:gd name="connsiteY93" fmla="*/ 976820 h 6857999"/>
              <a:gd name="connsiteX94" fmla="*/ 4446002 w 5937250"/>
              <a:gd name="connsiteY94" fmla="*/ 976820 h 6857999"/>
              <a:gd name="connsiteX95" fmla="*/ 4446002 w 5937250"/>
              <a:gd name="connsiteY95" fmla="*/ 829292 h 6857999"/>
              <a:gd name="connsiteX96" fmla="*/ 4544026 w 5937250"/>
              <a:gd name="connsiteY96" fmla="*/ 976819 h 6857999"/>
              <a:gd name="connsiteX97" fmla="*/ 4645328 w 5937250"/>
              <a:gd name="connsiteY97" fmla="*/ 976819 h 6857999"/>
              <a:gd name="connsiteX98" fmla="*/ 4539108 w 5937250"/>
              <a:gd name="connsiteY98" fmla="*/ 826341 h 6857999"/>
              <a:gd name="connsiteX99" fmla="*/ 4636476 w 5937250"/>
              <a:gd name="connsiteY99" fmla="*/ 707008 h 6857999"/>
              <a:gd name="connsiteX100" fmla="*/ 4539108 w 5937250"/>
              <a:gd name="connsiteY100" fmla="*/ 707008 h 6857999"/>
              <a:gd name="connsiteX101" fmla="*/ 4446002 w 5937250"/>
              <a:gd name="connsiteY101" fmla="*/ 829292 h 6857999"/>
              <a:gd name="connsiteX102" fmla="*/ 4446002 w 5937250"/>
              <a:gd name="connsiteY102" fmla="*/ 602100 h 6857999"/>
              <a:gd name="connsiteX103" fmla="*/ 3874578 w 5937250"/>
              <a:gd name="connsiteY103" fmla="*/ 499486 h 6857999"/>
              <a:gd name="connsiteX104" fmla="*/ 3739181 w 5937250"/>
              <a:gd name="connsiteY104" fmla="*/ 689960 h 6857999"/>
              <a:gd name="connsiteX105" fmla="*/ 3769014 w 5937250"/>
              <a:gd name="connsiteY105" fmla="*/ 807654 h 6857999"/>
              <a:gd name="connsiteX106" fmla="*/ 3809666 w 5937250"/>
              <a:gd name="connsiteY106" fmla="*/ 783394 h 6857999"/>
              <a:gd name="connsiteX107" fmla="*/ 3786062 w 5937250"/>
              <a:gd name="connsiteY107" fmla="*/ 689960 h 6857999"/>
              <a:gd name="connsiteX108" fmla="*/ 3822124 w 5937250"/>
              <a:gd name="connsiteY108" fmla="*/ 568332 h 6857999"/>
              <a:gd name="connsiteX109" fmla="*/ 4052595 w 5937250"/>
              <a:gd name="connsiteY109" fmla="*/ 666684 h 6857999"/>
              <a:gd name="connsiteX110" fmla="*/ 4105049 w 5937250"/>
              <a:gd name="connsiteY110" fmla="*/ 661110 h 6857999"/>
              <a:gd name="connsiteX111" fmla="*/ 3874578 w 5937250"/>
              <a:gd name="connsiteY111" fmla="*/ 499486 h 6857999"/>
              <a:gd name="connsiteX112" fmla="*/ 0 w 5937250"/>
              <a:gd name="connsiteY112" fmla="*/ 0 h 6857999"/>
              <a:gd name="connsiteX113" fmla="*/ 5937250 w 5937250"/>
              <a:gd name="connsiteY113" fmla="*/ 0 h 6857999"/>
              <a:gd name="connsiteX114" fmla="*/ 5937250 w 5937250"/>
              <a:gd name="connsiteY114" fmla="*/ 6857999 h 6857999"/>
              <a:gd name="connsiteX115" fmla="*/ 0 w 5937250"/>
              <a:gd name="connsiteY115" fmla="*/ 685799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</a:cxnLst>
            <a:rect l="l" t="t" r="r" b="b"/>
            <a:pathLst>
              <a:path w="5937250" h="6857999">
                <a:moveTo>
                  <a:pt x="3971455" y="909039"/>
                </a:moveTo>
                <a:cubicBezTo>
                  <a:pt x="3937032" y="909039"/>
                  <a:pt x="3902609" y="913710"/>
                  <a:pt x="3869989" y="923054"/>
                </a:cubicBezTo>
                <a:lnTo>
                  <a:pt x="3883103" y="962395"/>
                </a:lnTo>
                <a:lnTo>
                  <a:pt x="3888676" y="961083"/>
                </a:lnTo>
                <a:cubicBezTo>
                  <a:pt x="3944081" y="946003"/>
                  <a:pt x="4004403" y="946658"/>
                  <a:pt x="4059808" y="962395"/>
                </a:cubicBezTo>
                <a:lnTo>
                  <a:pt x="4072921" y="923054"/>
                </a:lnTo>
                <a:cubicBezTo>
                  <a:pt x="4040301" y="913710"/>
                  <a:pt x="4005878" y="909039"/>
                  <a:pt x="3971455" y="909039"/>
                </a:cubicBezTo>
                <a:close/>
                <a:moveTo>
                  <a:pt x="4075871" y="800442"/>
                </a:moveTo>
                <a:cubicBezTo>
                  <a:pt x="4076527" y="810932"/>
                  <a:pt x="4075216" y="821751"/>
                  <a:pt x="4072593" y="832570"/>
                </a:cubicBezTo>
                <a:lnTo>
                  <a:pt x="4077839" y="833553"/>
                </a:lnTo>
                <a:cubicBezTo>
                  <a:pt x="4085379" y="834865"/>
                  <a:pt x="4085379" y="839127"/>
                  <a:pt x="4085379" y="840766"/>
                </a:cubicBezTo>
                <a:cubicBezTo>
                  <a:pt x="4085379" y="847650"/>
                  <a:pt x="4080461" y="855518"/>
                  <a:pt x="4051284" y="883713"/>
                </a:cubicBezTo>
                <a:lnTo>
                  <a:pt x="4044399" y="890597"/>
                </a:lnTo>
                <a:cubicBezTo>
                  <a:pt x="4058168" y="893220"/>
                  <a:pt x="4072593" y="896826"/>
                  <a:pt x="4085379" y="901088"/>
                </a:cubicBezTo>
                <a:cubicBezTo>
                  <a:pt x="4116523" y="874205"/>
                  <a:pt x="4126686" y="854535"/>
                  <a:pt x="4125703" y="838143"/>
                </a:cubicBezTo>
                <a:cubicBezTo>
                  <a:pt x="4126031" y="812899"/>
                  <a:pt x="4102754" y="797819"/>
                  <a:pt x="4075871" y="800442"/>
                </a:cubicBezTo>
                <a:close/>
                <a:moveTo>
                  <a:pt x="3862449" y="800115"/>
                </a:moveTo>
                <a:cubicBezTo>
                  <a:pt x="3836878" y="799131"/>
                  <a:pt x="3817535" y="815195"/>
                  <a:pt x="3817535" y="838144"/>
                </a:cubicBezTo>
                <a:cubicBezTo>
                  <a:pt x="3816552" y="854536"/>
                  <a:pt x="3826715" y="874206"/>
                  <a:pt x="3857859" y="901089"/>
                </a:cubicBezTo>
                <a:cubicBezTo>
                  <a:pt x="3870645" y="896827"/>
                  <a:pt x="3885070" y="893549"/>
                  <a:pt x="3898839" y="890598"/>
                </a:cubicBezTo>
                <a:cubicBezTo>
                  <a:pt x="3874251" y="867322"/>
                  <a:pt x="3855892" y="847979"/>
                  <a:pt x="3857859" y="840439"/>
                </a:cubicBezTo>
                <a:cubicBezTo>
                  <a:pt x="3857859" y="838800"/>
                  <a:pt x="3857859" y="834866"/>
                  <a:pt x="3865400" y="833227"/>
                </a:cubicBezTo>
                <a:lnTo>
                  <a:pt x="3870645" y="832243"/>
                </a:lnTo>
                <a:cubicBezTo>
                  <a:pt x="3867695" y="821424"/>
                  <a:pt x="3866383" y="810606"/>
                  <a:pt x="3867367" y="800115"/>
                </a:cubicBezTo>
                <a:close/>
                <a:moveTo>
                  <a:pt x="3728690" y="780443"/>
                </a:moveTo>
                <a:cubicBezTo>
                  <a:pt x="3691645" y="804703"/>
                  <a:pt x="3672630" y="840437"/>
                  <a:pt x="3672630" y="885679"/>
                </a:cubicBezTo>
                <a:cubicBezTo>
                  <a:pt x="3672630" y="917480"/>
                  <a:pt x="3689678" y="952230"/>
                  <a:pt x="3721150" y="983703"/>
                </a:cubicBezTo>
                <a:cubicBezTo>
                  <a:pt x="3782784" y="1048615"/>
                  <a:pt x="3928016" y="1105659"/>
                  <a:pt x="4035547" y="1050254"/>
                </a:cubicBezTo>
                <a:cubicBezTo>
                  <a:pt x="4023745" y="1038780"/>
                  <a:pt x="4011943" y="1026978"/>
                  <a:pt x="4000469" y="1014520"/>
                </a:cubicBezTo>
                <a:cubicBezTo>
                  <a:pt x="3917853" y="1045665"/>
                  <a:pt x="3814256" y="1009274"/>
                  <a:pt x="3753934" y="950591"/>
                </a:cubicBezTo>
                <a:cubicBezTo>
                  <a:pt x="3732297" y="928954"/>
                  <a:pt x="3719183" y="904694"/>
                  <a:pt x="3719183" y="885679"/>
                </a:cubicBezTo>
                <a:cubicBezTo>
                  <a:pt x="3719183" y="859124"/>
                  <a:pt x="3727707" y="840110"/>
                  <a:pt x="3746066" y="825357"/>
                </a:cubicBezTo>
                <a:cubicBezTo>
                  <a:pt x="3740165" y="810932"/>
                  <a:pt x="3733936" y="795524"/>
                  <a:pt x="3728690" y="780443"/>
                </a:cubicBezTo>
                <a:close/>
                <a:moveTo>
                  <a:pt x="4820834" y="762188"/>
                </a:moveTo>
                <a:cubicBezTo>
                  <a:pt x="4857624" y="761020"/>
                  <a:pt x="4887682" y="782903"/>
                  <a:pt x="4886945" y="839455"/>
                </a:cubicBezTo>
                <a:cubicBezTo>
                  <a:pt x="4886617" y="891581"/>
                  <a:pt x="4867274" y="920103"/>
                  <a:pt x="4821049" y="920103"/>
                </a:cubicBezTo>
                <a:cubicBezTo>
                  <a:pt x="4807935" y="920103"/>
                  <a:pt x="4791216" y="917481"/>
                  <a:pt x="4782692" y="914202"/>
                </a:cubicBezTo>
                <a:lnTo>
                  <a:pt x="4782692" y="770609"/>
                </a:lnTo>
                <a:cubicBezTo>
                  <a:pt x="4795560" y="765527"/>
                  <a:pt x="4808571" y="762577"/>
                  <a:pt x="4820834" y="762188"/>
                </a:cubicBezTo>
                <a:close/>
                <a:moveTo>
                  <a:pt x="3931904" y="755323"/>
                </a:moveTo>
                <a:cubicBezTo>
                  <a:pt x="3907854" y="757044"/>
                  <a:pt x="3890396" y="775362"/>
                  <a:pt x="3887692" y="801426"/>
                </a:cubicBezTo>
                <a:cubicBezTo>
                  <a:pt x="3884742" y="823063"/>
                  <a:pt x="3896544" y="853552"/>
                  <a:pt x="3919493" y="889615"/>
                </a:cubicBezTo>
                <a:cubicBezTo>
                  <a:pt x="3934245" y="887320"/>
                  <a:pt x="3948342" y="886336"/>
                  <a:pt x="3962439" y="886336"/>
                </a:cubicBezTo>
                <a:lnTo>
                  <a:pt x="3958505" y="879124"/>
                </a:lnTo>
                <a:cubicBezTo>
                  <a:pt x="3934573" y="833226"/>
                  <a:pt x="3929983" y="819129"/>
                  <a:pt x="3929983" y="809622"/>
                </a:cubicBezTo>
                <a:cubicBezTo>
                  <a:pt x="3929328" y="794869"/>
                  <a:pt x="3941786" y="793558"/>
                  <a:pt x="3957850" y="795197"/>
                </a:cubicBezTo>
                <a:lnTo>
                  <a:pt x="3957850" y="759463"/>
                </a:lnTo>
                <a:cubicBezTo>
                  <a:pt x="3948671" y="756020"/>
                  <a:pt x="3939921" y="754750"/>
                  <a:pt x="3931904" y="755323"/>
                </a:cubicBezTo>
                <a:close/>
                <a:moveTo>
                  <a:pt x="4011011" y="754857"/>
                </a:moveTo>
                <a:cubicBezTo>
                  <a:pt x="4002990" y="754237"/>
                  <a:pt x="3994240" y="755446"/>
                  <a:pt x="3985061" y="758806"/>
                </a:cubicBezTo>
                <a:lnTo>
                  <a:pt x="3985061" y="794542"/>
                </a:lnTo>
                <a:cubicBezTo>
                  <a:pt x="4000797" y="792902"/>
                  <a:pt x="4013255" y="794213"/>
                  <a:pt x="4012927" y="808966"/>
                </a:cubicBezTo>
                <a:cubicBezTo>
                  <a:pt x="4012927" y="818802"/>
                  <a:pt x="4008337" y="832570"/>
                  <a:pt x="3984405" y="878468"/>
                </a:cubicBezTo>
                <a:lnTo>
                  <a:pt x="3980799" y="886009"/>
                </a:lnTo>
                <a:cubicBezTo>
                  <a:pt x="3994896" y="886336"/>
                  <a:pt x="4008993" y="887320"/>
                  <a:pt x="4023746" y="889287"/>
                </a:cubicBezTo>
                <a:cubicBezTo>
                  <a:pt x="4046695" y="853224"/>
                  <a:pt x="4058497" y="822736"/>
                  <a:pt x="4055546" y="801098"/>
                </a:cubicBezTo>
                <a:cubicBezTo>
                  <a:pt x="4052596" y="775035"/>
                  <a:pt x="4035077" y="756717"/>
                  <a:pt x="4011011" y="754857"/>
                </a:cubicBezTo>
                <a:close/>
                <a:moveTo>
                  <a:pt x="5178065" y="698485"/>
                </a:moveTo>
                <a:cubicBezTo>
                  <a:pt x="5127250" y="698485"/>
                  <a:pt x="5084959" y="707664"/>
                  <a:pt x="5046602" y="723073"/>
                </a:cubicBezTo>
                <a:lnTo>
                  <a:pt x="5046602" y="978131"/>
                </a:lnTo>
                <a:lnTo>
                  <a:pt x="5132168" y="978131"/>
                </a:lnTo>
                <a:lnTo>
                  <a:pt x="5132168" y="773232"/>
                </a:lnTo>
                <a:cubicBezTo>
                  <a:pt x="5144626" y="767659"/>
                  <a:pt x="5160034" y="764708"/>
                  <a:pt x="5176098" y="764708"/>
                </a:cubicBezTo>
                <a:cubicBezTo>
                  <a:pt x="5222324" y="764708"/>
                  <a:pt x="5231175" y="792903"/>
                  <a:pt x="5231175" y="845029"/>
                </a:cubicBezTo>
                <a:lnTo>
                  <a:pt x="5231175" y="978131"/>
                </a:lnTo>
                <a:lnTo>
                  <a:pt x="5316741" y="978131"/>
                </a:lnTo>
                <a:lnTo>
                  <a:pt x="5316741" y="832571"/>
                </a:lnTo>
                <a:cubicBezTo>
                  <a:pt x="5317069" y="750939"/>
                  <a:pt x="5289858" y="698485"/>
                  <a:pt x="5178065" y="698485"/>
                </a:cubicBezTo>
                <a:close/>
                <a:moveTo>
                  <a:pt x="4825311" y="697173"/>
                </a:moveTo>
                <a:cubicBezTo>
                  <a:pt x="4780069" y="697173"/>
                  <a:pt x="4732860" y="707008"/>
                  <a:pt x="4697126" y="721761"/>
                </a:cubicBezTo>
                <a:lnTo>
                  <a:pt x="4697126" y="1082056"/>
                </a:lnTo>
                <a:lnTo>
                  <a:pt x="4782692" y="1082056"/>
                </a:lnTo>
                <a:lnTo>
                  <a:pt x="4782692" y="979114"/>
                </a:lnTo>
                <a:cubicBezTo>
                  <a:pt x="4890223" y="998785"/>
                  <a:pt x="4976772" y="954198"/>
                  <a:pt x="4975133" y="839127"/>
                </a:cubicBezTo>
                <a:cubicBezTo>
                  <a:pt x="4974805" y="747988"/>
                  <a:pt x="4926285" y="697173"/>
                  <a:pt x="4825311" y="697173"/>
                </a:cubicBezTo>
                <a:close/>
                <a:moveTo>
                  <a:pt x="4110623" y="689304"/>
                </a:moveTo>
                <a:cubicBezTo>
                  <a:pt x="4084068" y="689304"/>
                  <a:pt x="4066692" y="693238"/>
                  <a:pt x="4066692" y="693238"/>
                </a:cubicBezTo>
                <a:cubicBezTo>
                  <a:pt x="4072593" y="707008"/>
                  <a:pt x="4076855" y="722744"/>
                  <a:pt x="4079150" y="739136"/>
                </a:cubicBezTo>
                <a:cubicBezTo>
                  <a:pt x="4089641" y="737824"/>
                  <a:pt x="4100460" y="736513"/>
                  <a:pt x="4110623" y="736513"/>
                </a:cubicBezTo>
                <a:cubicBezTo>
                  <a:pt x="4169961" y="736185"/>
                  <a:pt x="4207007" y="770281"/>
                  <a:pt x="4208319" y="812900"/>
                </a:cubicBezTo>
                <a:cubicBezTo>
                  <a:pt x="4208319" y="835520"/>
                  <a:pt x="4196188" y="865354"/>
                  <a:pt x="4184386" y="893876"/>
                </a:cubicBezTo>
                <a:cubicBezTo>
                  <a:pt x="4178485" y="908628"/>
                  <a:pt x="4167339" y="936823"/>
                  <a:pt x="4161438" y="961083"/>
                </a:cubicBezTo>
                <a:cubicBezTo>
                  <a:pt x="4151602" y="1001407"/>
                  <a:pt x="4123081" y="1113528"/>
                  <a:pt x="4058824" y="1070253"/>
                </a:cubicBezTo>
                <a:cubicBezTo>
                  <a:pt x="4044071" y="1076810"/>
                  <a:pt x="4023745" y="1085989"/>
                  <a:pt x="4008337" y="1090251"/>
                </a:cubicBezTo>
                <a:cubicBezTo>
                  <a:pt x="4038826" y="1117462"/>
                  <a:pt x="4059808" y="1126641"/>
                  <a:pt x="4089313" y="1126641"/>
                </a:cubicBezTo>
                <a:cubicBezTo>
                  <a:pt x="4168978" y="1126641"/>
                  <a:pt x="4196188" y="1014520"/>
                  <a:pt x="4206679" y="972229"/>
                </a:cubicBezTo>
                <a:cubicBezTo>
                  <a:pt x="4216842" y="926332"/>
                  <a:pt x="4255527" y="862075"/>
                  <a:pt x="4254872" y="812572"/>
                </a:cubicBezTo>
                <a:cubicBezTo>
                  <a:pt x="4254216" y="738808"/>
                  <a:pt x="4186353" y="687009"/>
                  <a:pt x="4110623" y="689304"/>
                </a:cubicBezTo>
                <a:close/>
                <a:moveTo>
                  <a:pt x="3971619" y="677175"/>
                </a:moveTo>
                <a:lnTo>
                  <a:pt x="3939819" y="710287"/>
                </a:lnTo>
                <a:lnTo>
                  <a:pt x="3971619" y="743398"/>
                </a:lnTo>
                <a:lnTo>
                  <a:pt x="4003420" y="710287"/>
                </a:lnTo>
                <a:close/>
                <a:moveTo>
                  <a:pt x="4360436" y="602100"/>
                </a:moveTo>
                <a:lnTo>
                  <a:pt x="4360436" y="976820"/>
                </a:lnTo>
                <a:lnTo>
                  <a:pt x="4446002" y="976820"/>
                </a:lnTo>
                <a:lnTo>
                  <a:pt x="4446002" y="829292"/>
                </a:lnTo>
                <a:lnTo>
                  <a:pt x="4544026" y="976819"/>
                </a:lnTo>
                <a:lnTo>
                  <a:pt x="4645328" y="976819"/>
                </a:lnTo>
                <a:lnTo>
                  <a:pt x="4539108" y="826341"/>
                </a:lnTo>
                <a:lnTo>
                  <a:pt x="4636476" y="707008"/>
                </a:lnTo>
                <a:lnTo>
                  <a:pt x="4539108" y="707008"/>
                </a:lnTo>
                <a:lnTo>
                  <a:pt x="4446002" y="829292"/>
                </a:lnTo>
                <a:lnTo>
                  <a:pt x="4446002" y="602100"/>
                </a:lnTo>
                <a:close/>
                <a:moveTo>
                  <a:pt x="3874578" y="499486"/>
                </a:moveTo>
                <a:cubicBezTo>
                  <a:pt x="3781144" y="499486"/>
                  <a:pt x="3739181" y="595215"/>
                  <a:pt x="3739181" y="689960"/>
                </a:cubicBezTo>
                <a:cubicBezTo>
                  <a:pt x="3739509" y="735202"/>
                  <a:pt x="3754589" y="772248"/>
                  <a:pt x="3769014" y="807654"/>
                </a:cubicBezTo>
                <a:cubicBezTo>
                  <a:pt x="3776227" y="803065"/>
                  <a:pt x="3791635" y="792902"/>
                  <a:pt x="3809666" y="783394"/>
                </a:cubicBezTo>
                <a:cubicBezTo>
                  <a:pt x="3794258" y="747004"/>
                  <a:pt x="3785734" y="714876"/>
                  <a:pt x="3786062" y="689960"/>
                </a:cubicBezTo>
                <a:cubicBezTo>
                  <a:pt x="3786062" y="635539"/>
                  <a:pt x="3799175" y="591281"/>
                  <a:pt x="3822124" y="568332"/>
                </a:cubicBezTo>
                <a:cubicBezTo>
                  <a:pt x="3882119" y="508010"/>
                  <a:pt x="3999157" y="585052"/>
                  <a:pt x="4052595" y="666684"/>
                </a:cubicBezTo>
                <a:cubicBezTo>
                  <a:pt x="4068987" y="664389"/>
                  <a:pt x="4088329" y="661110"/>
                  <a:pt x="4105049" y="661110"/>
                </a:cubicBezTo>
                <a:cubicBezTo>
                  <a:pt x="4051611" y="564726"/>
                  <a:pt x="3942769" y="499486"/>
                  <a:pt x="3874578" y="499486"/>
                </a:cubicBezTo>
                <a:close/>
                <a:moveTo>
                  <a:pt x="0" y="0"/>
                </a:moveTo>
                <a:lnTo>
                  <a:pt x="5937250" y="0"/>
                </a:lnTo>
                <a:lnTo>
                  <a:pt x="5937250" y="6857999"/>
                </a:lnTo>
                <a:lnTo>
                  <a:pt x="0" y="6857999"/>
                </a:lnTo>
                <a:close/>
              </a:path>
            </a:pathLst>
          </a:custGeom>
          <a:solidFill>
            <a:srgbClr val="414141"/>
          </a:solidFill>
        </p:spPr>
        <p:txBody>
          <a:bodyPr wrap="square" lIns="3276000" tIns="0" rIns="360000" anchor="ctr" anchorCtr="0">
            <a:noAutofit/>
          </a:bodyPr>
          <a:lstStyle>
            <a:lvl1pPr algn="l">
              <a:buNone/>
              <a:defRPr sz="1600">
                <a:solidFill>
                  <a:schemeClr val="bg1"/>
                </a:solidFill>
                <a:latin typeface="KPN" panose="020B0504010101010104" pitchFamily="34" charset="0"/>
              </a:defRPr>
            </a:lvl1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8" name="Naam" descr="{&quot;templafy&quot;:{&quot;id&quot;:&quot;d75f4ce2-a6eb-4043-8401-d2bb230f1779&quot;}}">
            <a:extLst>
              <a:ext uri="{FF2B5EF4-FFF2-40B4-BE49-F238E27FC236}">
                <a16:creationId xmlns:a16="http://schemas.microsoft.com/office/drawing/2014/main" id="{11E03A29-D383-3B58-C010-9F6CDE9EF26F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634998" y="5490554"/>
            <a:ext cx="5302251" cy="41319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ts val="200"/>
              </a:spcBef>
              <a:buFont typeface="Arial" panose="020B0604020202020204" pitchFamily="34" charset="0"/>
              <a:buNone/>
              <a:defRPr sz="2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/>
            <a:r>
              <a:rPr lang="nl-NL" sz="1800" dirty="0"/>
              <a:t>Erwin Sprengers</a:t>
            </a:r>
          </a:p>
        </p:txBody>
      </p:sp>
      <p:sp>
        <p:nvSpPr>
          <p:cNvPr id="9" name="Datum" descr="{&quot;templafy&quot;:{&quot;id&quot;:&quot;b7739915-9d3c-4bda-ae71-0251cc86205e&quot;}}">
            <a:extLst>
              <a:ext uri="{FF2B5EF4-FFF2-40B4-BE49-F238E27FC236}">
                <a16:creationId xmlns:a16="http://schemas.microsoft.com/office/drawing/2014/main" id="{689E02FE-72DE-31E3-9E6E-1E2E5588E064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634997" y="5930848"/>
            <a:ext cx="5302251" cy="41319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ts val="200"/>
              </a:spcBef>
              <a:buFont typeface="Arial" panose="020B0604020202020204" pitchFamily="34" charset="0"/>
              <a:buNone/>
              <a:defRPr sz="2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 algn="l"/>
            <a:r>
              <a:rPr lang="nl-NL" sz="1800" dirty="0"/>
              <a:t>7 februari 2024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2EF8A570-0D93-9232-0EC5-1FDC5E18A18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634448" y="2010758"/>
            <a:ext cx="5302800" cy="2069010"/>
          </a:xfrm>
        </p:spPr>
        <p:txBody>
          <a:bodyPr anchor="b" anchorCtr="0"/>
          <a:lstStyle>
            <a:lvl1pPr algn="l">
              <a:lnSpc>
                <a:spcPct val="70000"/>
              </a:lnSpc>
              <a:defRPr sz="75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nl-NL" dirty="0"/>
              <a:t>Titel over</a:t>
            </a:r>
            <a:br>
              <a:rPr lang="nl-NL" dirty="0"/>
            </a:br>
            <a:r>
              <a:rPr lang="nl-NL" dirty="0"/>
              <a:t>twee regels</a:t>
            </a:r>
            <a:endParaRPr lang="nl-NL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6F28B922-9974-7361-D7B5-C1CF95A27A8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634448" y="4198176"/>
            <a:ext cx="5302800" cy="574162"/>
          </a:xfrm>
        </p:spPr>
        <p:txBody>
          <a:bodyPr anchor="t" anchorCtr="0"/>
          <a:lstStyle>
            <a:lvl1pPr marL="0" indent="0" algn="l">
              <a:lnSpc>
                <a:spcPct val="83000"/>
              </a:lnSpc>
              <a:buNone/>
              <a:defRPr sz="2800" b="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 algn="ctr">
              <a:buNone/>
              <a:defRPr sz="2000"/>
            </a:lvl2pPr>
            <a:lvl3pPr marL="914397" indent="0" algn="ctr">
              <a:buNone/>
              <a:defRPr sz="1800"/>
            </a:lvl3pPr>
            <a:lvl4pPr marL="1371594" indent="0" algn="ctr">
              <a:buNone/>
              <a:defRPr sz="1600"/>
            </a:lvl4pPr>
            <a:lvl5pPr marL="1828794" indent="0" algn="ctr">
              <a:buNone/>
              <a:defRPr sz="1600"/>
            </a:lvl5pPr>
            <a:lvl6pPr marL="2285994" indent="0" algn="ctr">
              <a:buNone/>
              <a:defRPr sz="1600"/>
            </a:lvl6pPr>
            <a:lvl7pPr marL="2743191" indent="0" algn="ctr">
              <a:buNone/>
              <a:defRPr sz="1600"/>
            </a:lvl7pPr>
            <a:lvl8pPr marL="3200391" indent="0" algn="ctr">
              <a:buNone/>
              <a:defRPr sz="1600"/>
            </a:lvl8pPr>
            <a:lvl9pPr marL="3657588" indent="0" algn="ctr">
              <a:buNone/>
              <a:defRPr sz="1600"/>
            </a:lvl9pPr>
          </a:lstStyle>
          <a:p>
            <a:r>
              <a:rPr lang="nl-NL" dirty="0"/>
              <a:t>Een omschrijving van de presentatie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796835495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reker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13F02D3-FD73-2003-CDDE-FE9BBECAC1F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FBE3B42-44A9-42DA-8A2F-F539C19BB07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978B2FF-0EC6-496A-9F3F-A37EF0BEACA5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54A93D81-AF19-2BAF-B087-3575291EDB1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 err="1"/>
              <a:t>Bewerk</a:t>
            </a:r>
            <a:r>
              <a:rPr lang="nl-NL" dirty="0"/>
              <a:t> </a:t>
            </a:r>
            <a:r>
              <a:rPr lang="nl-NL" dirty="0" err="1"/>
              <a:t>subtitel</a:t>
            </a:r>
            <a:endParaRPr lang="nl-NL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D12850D0-9A58-B1F5-4713-ADBBD99EA1E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0889" y="2062714"/>
            <a:ext cx="2880000" cy="329302"/>
          </a:xfrm>
        </p:spPr>
        <p:txBody>
          <a:bodyPr/>
          <a:lstStyle>
            <a:lvl1pPr>
              <a:defRPr b="1"/>
            </a:lvl1pPr>
          </a:lstStyle>
          <a:p>
            <a:pPr lvl="0"/>
            <a:r>
              <a:rPr lang="nl-NL" dirty="0" err="1"/>
              <a:t>Sprekers</a:t>
            </a:r>
            <a:r>
              <a:rPr lang="nl-NL" dirty="0"/>
              <a:t> naam in bold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B0736950-EC84-A346-2B3D-FBADF3CC7C76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0889" y="2392016"/>
            <a:ext cx="2880000" cy="12509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 err="1"/>
              <a:t>Bodytekst</a:t>
            </a:r>
            <a:r>
              <a:rPr lang="nl-NL" dirty="0"/>
              <a:t> </a:t>
            </a:r>
            <a:r>
              <a:rPr lang="nl-NL" dirty="0" err="1"/>
              <a:t>maak</a:t>
            </a:r>
            <a:r>
              <a:rPr lang="nl-NL" dirty="0"/>
              <a:t> je regular</a:t>
            </a:r>
          </a:p>
        </p:txBody>
      </p:sp>
      <p:sp>
        <p:nvSpPr>
          <p:cNvPr id="15" name="Text Placeholder 5">
            <a:extLst>
              <a:ext uri="{FF2B5EF4-FFF2-40B4-BE49-F238E27FC236}">
                <a16:creationId xmlns:a16="http://schemas.microsoft.com/office/drawing/2014/main" id="{0C812B75-D4BD-56BB-9F9D-F9A67DC049B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0889" y="3938257"/>
            <a:ext cx="2880000" cy="329302"/>
          </a:xfrm>
        </p:spPr>
        <p:txBody>
          <a:bodyPr/>
          <a:lstStyle>
            <a:lvl1pPr>
              <a:defRPr b="1"/>
            </a:lvl1pPr>
          </a:lstStyle>
          <a:p>
            <a:pPr lvl="0"/>
            <a:r>
              <a:rPr lang="nl-NL" dirty="0" err="1"/>
              <a:t>Sprekers</a:t>
            </a:r>
            <a:r>
              <a:rPr lang="nl-NL" dirty="0"/>
              <a:t> naam in bold</a:t>
            </a:r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585D91CA-3CFD-35F8-49FF-79E5270F06B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40889" y="4267559"/>
            <a:ext cx="2880000" cy="1252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 err="1"/>
              <a:t>Bodytekst</a:t>
            </a:r>
            <a:r>
              <a:rPr lang="nl-NL" dirty="0"/>
              <a:t> </a:t>
            </a:r>
            <a:r>
              <a:rPr lang="nl-NL" dirty="0" err="1"/>
              <a:t>maak</a:t>
            </a:r>
            <a:r>
              <a:rPr lang="nl-NL" dirty="0"/>
              <a:t> je regular</a:t>
            </a:r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E4263714-3ED5-202A-C925-5840D1B36D12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671111" y="2062714"/>
            <a:ext cx="2880000" cy="329302"/>
          </a:xfrm>
        </p:spPr>
        <p:txBody>
          <a:bodyPr/>
          <a:lstStyle>
            <a:lvl1pPr>
              <a:defRPr b="1"/>
            </a:lvl1pPr>
          </a:lstStyle>
          <a:p>
            <a:pPr lvl="0"/>
            <a:r>
              <a:rPr lang="nl-NL" dirty="0" err="1"/>
              <a:t>Sprekers</a:t>
            </a:r>
            <a:r>
              <a:rPr lang="nl-NL" dirty="0"/>
              <a:t> naam in bold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4877A672-0F2E-80CF-EE3F-66C3BB831B0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8671111" y="2392016"/>
            <a:ext cx="2880000" cy="12509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 err="1"/>
              <a:t>Bodytekst</a:t>
            </a:r>
            <a:r>
              <a:rPr lang="nl-NL" dirty="0"/>
              <a:t> </a:t>
            </a:r>
            <a:r>
              <a:rPr lang="nl-NL" dirty="0" err="1"/>
              <a:t>maak</a:t>
            </a:r>
            <a:r>
              <a:rPr lang="nl-NL" dirty="0"/>
              <a:t> je regular</a:t>
            </a:r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9690AFD5-C50B-B308-6FB4-017F7F2D02A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671111" y="3938257"/>
            <a:ext cx="2880000" cy="329302"/>
          </a:xfrm>
        </p:spPr>
        <p:txBody>
          <a:bodyPr/>
          <a:lstStyle>
            <a:lvl1pPr>
              <a:defRPr b="1"/>
            </a:lvl1pPr>
          </a:lstStyle>
          <a:p>
            <a:pPr lvl="0"/>
            <a:r>
              <a:rPr lang="nl-NL" dirty="0" err="1"/>
              <a:t>Sprekers</a:t>
            </a:r>
            <a:r>
              <a:rPr lang="nl-NL" dirty="0"/>
              <a:t> naam in bold</a:t>
            </a:r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BD397809-CCD4-9FF1-5A44-C600DFE75455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671111" y="4267559"/>
            <a:ext cx="2880000" cy="1252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 err="1"/>
              <a:t>Bodytekst</a:t>
            </a:r>
            <a:r>
              <a:rPr lang="nl-NL" dirty="0"/>
              <a:t> </a:t>
            </a:r>
            <a:r>
              <a:rPr lang="nl-NL" dirty="0" err="1"/>
              <a:t>maak</a:t>
            </a:r>
            <a:r>
              <a:rPr lang="nl-NL" dirty="0"/>
              <a:t> je regular</a:t>
            </a:r>
          </a:p>
        </p:txBody>
      </p:sp>
      <p:sp>
        <p:nvSpPr>
          <p:cNvPr id="29" name="Text Placeholder 5">
            <a:extLst>
              <a:ext uri="{FF2B5EF4-FFF2-40B4-BE49-F238E27FC236}">
                <a16:creationId xmlns:a16="http://schemas.microsoft.com/office/drawing/2014/main" id="{FCB79573-9C0E-7E96-B025-CA5EBA111AB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4656000" y="2062714"/>
            <a:ext cx="2880000" cy="329302"/>
          </a:xfrm>
        </p:spPr>
        <p:txBody>
          <a:bodyPr/>
          <a:lstStyle>
            <a:lvl1pPr>
              <a:defRPr b="1"/>
            </a:lvl1pPr>
          </a:lstStyle>
          <a:p>
            <a:pPr lvl="0"/>
            <a:r>
              <a:rPr lang="nl-NL" dirty="0" err="1"/>
              <a:t>Sprekers</a:t>
            </a:r>
            <a:r>
              <a:rPr lang="nl-NL" dirty="0"/>
              <a:t> naam in bold</a:t>
            </a:r>
          </a:p>
        </p:txBody>
      </p:sp>
      <p:sp>
        <p:nvSpPr>
          <p:cNvPr id="30" name="Text Placeholder 8">
            <a:extLst>
              <a:ext uri="{FF2B5EF4-FFF2-40B4-BE49-F238E27FC236}">
                <a16:creationId xmlns:a16="http://schemas.microsoft.com/office/drawing/2014/main" id="{DB1BEDCA-30B6-4E4C-5D3C-05DE5ADB7A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4656000" y="2392016"/>
            <a:ext cx="2880000" cy="12509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 err="1"/>
              <a:t>Bodytekst</a:t>
            </a:r>
            <a:r>
              <a:rPr lang="nl-NL" dirty="0"/>
              <a:t> </a:t>
            </a:r>
            <a:r>
              <a:rPr lang="nl-NL" dirty="0" err="1"/>
              <a:t>maak</a:t>
            </a:r>
            <a:r>
              <a:rPr lang="nl-NL" dirty="0"/>
              <a:t> je regular</a:t>
            </a:r>
          </a:p>
        </p:txBody>
      </p:sp>
      <p:sp>
        <p:nvSpPr>
          <p:cNvPr id="31" name="Text Placeholder 5">
            <a:extLst>
              <a:ext uri="{FF2B5EF4-FFF2-40B4-BE49-F238E27FC236}">
                <a16:creationId xmlns:a16="http://schemas.microsoft.com/office/drawing/2014/main" id="{BB274DA8-EE0C-88F7-76FA-3FA42268AABA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4656000" y="3938257"/>
            <a:ext cx="2880000" cy="329302"/>
          </a:xfrm>
        </p:spPr>
        <p:txBody>
          <a:bodyPr/>
          <a:lstStyle>
            <a:lvl1pPr>
              <a:defRPr b="1"/>
            </a:lvl1pPr>
          </a:lstStyle>
          <a:p>
            <a:pPr lvl="0"/>
            <a:r>
              <a:rPr lang="nl-NL" dirty="0" err="1"/>
              <a:t>Sprekers</a:t>
            </a:r>
            <a:r>
              <a:rPr lang="nl-NL" dirty="0"/>
              <a:t> naam in bold</a:t>
            </a:r>
          </a:p>
        </p:txBody>
      </p:sp>
      <p:sp>
        <p:nvSpPr>
          <p:cNvPr id="32" name="Text Placeholder 8">
            <a:extLst>
              <a:ext uri="{FF2B5EF4-FFF2-40B4-BE49-F238E27FC236}">
                <a16:creationId xmlns:a16="http://schemas.microsoft.com/office/drawing/2014/main" id="{2D0687B4-A049-87D8-7E05-4312942C2270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4656000" y="4267559"/>
            <a:ext cx="2880000" cy="1252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 err="1"/>
              <a:t>Bodytekst</a:t>
            </a:r>
            <a:r>
              <a:rPr lang="nl-NL" dirty="0"/>
              <a:t> </a:t>
            </a:r>
            <a:r>
              <a:rPr lang="nl-NL" dirty="0" err="1"/>
              <a:t>maak</a:t>
            </a:r>
            <a:r>
              <a:rPr lang="nl-NL" dirty="0"/>
              <a:t> je regular</a:t>
            </a:r>
          </a:p>
        </p:txBody>
      </p:sp>
    </p:spTree>
    <p:extLst>
      <p:ext uri="{BB962C8B-B14F-4D97-AF65-F5344CB8AC3E}">
        <p14:creationId xmlns:p14="http://schemas.microsoft.com/office/powerpoint/2010/main" val="41458509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rekers slide met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13F02D3-FD73-2003-CDDE-FE9BBECAC1F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FBE3B42-44A9-42DA-8A2F-F539C19BB07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978B2FF-0EC6-496A-9F3F-A37EF0BEACA5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54A93D81-AF19-2BAF-B087-3575291EDB1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 err="1"/>
              <a:t>Bewerk</a:t>
            </a:r>
            <a:r>
              <a:rPr lang="nl-NL" dirty="0"/>
              <a:t> </a:t>
            </a:r>
            <a:r>
              <a:rPr lang="nl-NL" dirty="0" err="1"/>
              <a:t>subtitel</a:t>
            </a:r>
            <a:endParaRPr lang="nl-NL" dirty="0"/>
          </a:p>
        </p:txBody>
      </p:sp>
      <p:sp>
        <p:nvSpPr>
          <p:cNvPr id="15" name="Text Placeholder 5">
            <a:extLst>
              <a:ext uri="{FF2B5EF4-FFF2-40B4-BE49-F238E27FC236}">
                <a16:creationId xmlns:a16="http://schemas.microsoft.com/office/drawing/2014/main" id="{0C812B75-D4BD-56BB-9F9D-F9A67DC049B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0889" y="4566907"/>
            <a:ext cx="2486486" cy="329302"/>
          </a:xfrm>
        </p:spPr>
        <p:txBody>
          <a:bodyPr/>
          <a:lstStyle>
            <a:lvl1pPr>
              <a:defRPr b="1"/>
            </a:lvl1pPr>
          </a:lstStyle>
          <a:p>
            <a:pPr lvl="0"/>
            <a:r>
              <a:rPr lang="nl-NL" dirty="0" err="1"/>
              <a:t>Sprekers</a:t>
            </a:r>
            <a:r>
              <a:rPr lang="nl-NL" dirty="0"/>
              <a:t> naam in bold</a:t>
            </a:r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585D91CA-3CFD-35F8-49FF-79E5270F06B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40889" y="4896209"/>
            <a:ext cx="2486486" cy="753189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 err="1"/>
              <a:t>Bodytekst</a:t>
            </a:r>
            <a:r>
              <a:rPr lang="nl-NL" dirty="0"/>
              <a:t> </a:t>
            </a:r>
            <a:r>
              <a:rPr lang="nl-NL" dirty="0" err="1"/>
              <a:t>maak</a:t>
            </a:r>
            <a:r>
              <a:rPr lang="nl-NL" dirty="0"/>
              <a:t> je regular</a:t>
            </a:r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9690AFD5-C50B-B308-6FB4-017F7F2D02A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064625" y="4566907"/>
            <a:ext cx="2486486" cy="329302"/>
          </a:xfrm>
        </p:spPr>
        <p:txBody>
          <a:bodyPr/>
          <a:lstStyle>
            <a:lvl1pPr>
              <a:defRPr b="1"/>
            </a:lvl1pPr>
          </a:lstStyle>
          <a:p>
            <a:pPr lvl="0"/>
            <a:r>
              <a:rPr lang="nl-NL" dirty="0" err="1"/>
              <a:t>Sprekers</a:t>
            </a:r>
            <a:r>
              <a:rPr lang="nl-NL" dirty="0"/>
              <a:t> naam in bold</a:t>
            </a:r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BD397809-CCD4-9FF1-5A44-C600DFE75455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9064625" y="4896209"/>
            <a:ext cx="2486486" cy="753189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 err="1"/>
              <a:t>Bodytekst</a:t>
            </a:r>
            <a:r>
              <a:rPr lang="nl-NL" dirty="0"/>
              <a:t> </a:t>
            </a:r>
            <a:r>
              <a:rPr lang="nl-NL" dirty="0" err="1"/>
              <a:t>maak</a:t>
            </a:r>
            <a:r>
              <a:rPr lang="nl-NL" dirty="0"/>
              <a:t> je regular</a:t>
            </a:r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1DAB0D8-BF21-BEFB-CE19-9ED7784236C4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450764" y="4566907"/>
            <a:ext cx="2486486" cy="329302"/>
          </a:xfrm>
        </p:spPr>
        <p:txBody>
          <a:bodyPr/>
          <a:lstStyle>
            <a:lvl1pPr>
              <a:defRPr b="1"/>
            </a:lvl1pPr>
          </a:lstStyle>
          <a:p>
            <a:pPr lvl="0"/>
            <a:r>
              <a:rPr lang="nl-NL" dirty="0" err="1"/>
              <a:t>Sprekers</a:t>
            </a:r>
            <a:r>
              <a:rPr lang="nl-NL" dirty="0"/>
              <a:t> naam in bold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1C4205E6-A365-95BF-3669-2CDB6485EA20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3450764" y="4896209"/>
            <a:ext cx="2486486" cy="753189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 err="1"/>
              <a:t>Bodytekst</a:t>
            </a:r>
            <a:r>
              <a:rPr lang="nl-NL" dirty="0"/>
              <a:t> </a:t>
            </a:r>
            <a:r>
              <a:rPr lang="nl-NL" dirty="0" err="1"/>
              <a:t>maak</a:t>
            </a:r>
            <a:r>
              <a:rPr lang="nl-NL" dirty="0"/>
              <a:t> je regular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CD8B203D-7FFA-27F3-2CFB-C62624E921CA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6260639" y="4566907"/>
            <a:ext cx="2486486" cy="329302"/>
          </a:xfrm>
        </p:spPr>
        <p:txBody>
          <a:bodyPr/>
          <a:lstStyle>
            <a:lvl1pPr>
              <a:defRPr b="1"/>
            </a:lvl1pPr>
          </a:lstStyle>
          <a:p>
            <a:pPr lvl="0"/>
            <a:r>
              <a:rPr lang="nl-NL" dirty="0" err="1"/>
              <a:t>Sprekers</a:t>
            </a:r>
            <a:r>
              <a:rPr lang="nl-NL" dirty="0"/>
              <a:t> naam in bold</a:t>
            </a:r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B83F3E64-AAE6-975E-595C-25D892D01CE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260639" y="4896209"/>
            <a:ext cx="2486486" cy="753189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 err="1"/>
              <a:t>Bodytekst</a:t>
            </a:r>
            <a:r>
              <a:rPr lang="nl-NL" dirty="0"/>
              <a:t> </a:t>
            </a:r>
            <a:r>
              <a:rPr lang="nl-NL" dirty="0" err="1"/>
              <a:t>maak</a:t>
            </a:r>
            <a:r>
              <a:rPr lang="nl-NL" dirty="0"/>
              <a:t> je regular</a:t>
            </a:r>
          </a:p>
        </p:txBody>
      </p:sp>
      <p:sp>
        <p:nvSpPr>
          <p:cNvPr id="19" name="Picture Placeholder 2">
            <a:extLst>
              <a:ext uri="{FF2B5EF4-FFF2-40B4-BE49-F238E27FC236}">
                <a16:creationId xmlns:a16="http://schemas.microsoft.com/office/drawing/2014/main" id="{5AC79F04-F655-97F0-38C5-8503D407093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15" hasCustomPrompt="1"/>
          </p:nvPr>
        </p:nvSpPr>
        <p:spPr>
          <a:xfrm>
            <a:off x="640889" y="2372221"/>
            <a:ext cx="2486486" cy="2097938"/>
          </a:xfrm>
          <a:prstGeom prst="roundRect">
            <a:avLst>
              <a:gd name="adj" fmla="val 8819"/>
            </a:avLst>
          </a:prstGeom>
          <a:solidFill>
            <a:srgbClr val="00C300"/>
          </a:solidFill>
          <a:effectLst>
            <a:outerShdw blurRad="635000" dir="5400000" algn="t" rotWithShape="0">
              <a:prstClr val="black">
                <a:alpha val="10000"/>
              </a:prstClr>
            </a:outerShdw>
          </a:effectLst>
        </p:spPr>
        <p:txBody>
          <a:bodyPr vert="horz" wrap="square" lIns="1476000" tIns="0" rIns="0" bIns="0" rtlCol="0" anchor="ctr" anchorCtr="0">
            <a:noAutofit/>
          </a:bodyPr>
          <a:lstStyle>
            <a:lvl1pPr marL="0" indent="0" algn="l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A6CC9857-D45A-7FE6-678A-C1BA9FE504F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31" hasCustomPrompt="1"/>
          </p:nvPr>
        </p:nvSpPr>
        <p:spPr>
          <a:xfrm>
            <a:off x="3450764" y="2372221"/>
            <a:ext cx="2486486" cy="2097938"/>
          </a:xfrm>
          <a:prstGeom prst="roundRect">
            <a:avLst>
              <a:gd name="adj" fmla="val 8819"/>
            </a:avLst>
          </a:prstGeom>
          <a:solidFill>
            <a:srgbClr val="00C300"/>
          </a:solidFill>
          <a:effectLst>
            <a:outerShdw blurRad="635000" dir="5400000" algn="t" rotWithShape="0">
              <a:prstClr val="black">
                <a:alpha val="10000"/>
              </a:prstClr>
            </a:outerShdw>
          </a:effectLst>
        </p:spPr>
        <p:txBody>
          <a:bodyPr vert="horz" wrap="square" lIns="1476000" tIns="0" rIns="0" bIns="0" rtlCol="0" anchor="ctr" anchorCtr="0">
            <a:noAutofit/>
          </a:bodyPr>
          <a:lstStyle>
            <a:lvl1pPr marL="0" indent="0" algn="l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23" name="Picture Placeholder 2">
            <a:extLst>
              <a:ext uri="{FF2B5EF4-FFF2-40B4-BE49-F238E27FC236}">
                <a16:creationId xmlns:a16="http://schemas.microsoft.com/office/drawing/2014/main" id="{A4D0183F-E8A5-0E7E-FE59-2E0D4763E3D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32" hasCustomPrompt="1"/>
          </p:nvPr>
        </p:nvSpPr>
        <p:spPr>
          <a:xfrm>
            <a:off x="6260639" y="2372221"/>
            <a:ext cx="2486486" cy="2097938"/>
          </a:xfrm>
          <a:prstGeom prst="roundRect">
            <a:avLst>
              <a:gd name="adj" fmla="val 8819"/>
            </a:avLst>
          </a:prstGeom>
          <a:solidFill>
            <a:srgbClr val="00C300"/>
          </a:solidFill>
          <a:effectLst>
            <a:outerShdw blurRad="635000" dir="5400000" algn="t" rotWithShape="0">
              <a:prstClr val="black">
                <a:alpha val="10000"/>
              </a:prstClr>
            </a:outerShdw>
          </a:effectLst>
        </p:spPr>
        <p:txBody>
          <a:bodyPr vert="horz" wrap="square" lIns="1476000" tIns="0" rIns="0" bIns="0" rtlCol="0" anchor="ctr" anchorCtr="0">
            <a:noAutofit/>
          </a:bodyPr>
          <a:lstStyle>
            <a:lvl1pPr marL="0" indent="0" algn="l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24" name="Picture Placeholder 2">
            <a:extLst>
              <a:ext uri="{FF2B5EF4-FFF2-40B4-BE49-F238E27FC236}">
                <a16:creationId xmlns:a16="http://schemas.microsoft.com/office/drawing/2014/main" id="{6CDD2897-A8D9-E9CE-E517-5F7841E722B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idx="33" hasCustomPrompt="1"/>
          </p:nvPr>
        </p:nvSpPr>
        <p:spPr>
          <a:xfrm>
            <a:off x="9064625" y="2372221"/>
            <a:ext cx="2486486" cy="2097938"/>
          </a:xfrm>
          <a:prstGeom prst="roundRect">
            <a:avLst>
              <a:gd name="adj" fmla="val 8819"/>
            </a:avLst>
          </a:prstGeom>
          <a:solidFill>
            <a:srgbClr val="00C300"/>
          </a:solidFill>
          <a:effectLst>
            <a:outerShdw blurRad="635000" dir="5400000" algn="t" rotWithShape="0">
              <a:prstClr val="black">
                <a:alpha val="10000"/>
              </a:prstClr>
            </a:outerShdw>
          </a:effectLst>
        </p:spPr>
        <p:txBody>
          <a:bodyPr vert="horz" wrap="square" lIns="1476000" tIns="0" rIns="0" bIns="0" rtlCol="0" anchor="ctr" anchorCtr="0">
            <a:noAutofit/>
          </a:bodyPr>
          <a:lstStyle>
            <a:lvl1pPr marL="0" indent="0" algn="l">
              <a:buNone/>
              <a:defRPr lang="en-GB" sz="160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>
              <a:buNone/>
              <a:defRPr sz="2800"/>
            </a:lvl2pPr>
            <a:lvl3pPr marL="914397" indent="0">
              <a:buNone/>
              <a:defRPr sz="2400"/>
            </a:lvl3pPr>
            <a:lvl4pPr marL="1371594" indent="0">
              <a:buNone/>
              <a:defRPr sz="2000"/>
            </a:lvl4pPr>
            <a:lvl5pPr marL="1828794" indent="0">
              <a:buNone/>
              <a:defRPr sz="2000"/>
            </a:lvl5pPr>
            <a:lvl6pPr marL="2285994" indent="0">
              <a:buNone/>
              <a:defRPr sz="2000"/>
            </a:lvl6pPr>
            <a:lvl7pPr marL="2743191" indent="0">
              <a:buNone/>
              <a:defRPr sz="2000"/>
            </a:lvl7pPr>
            <a:lvl8pPr marL="3200391" indent="0">
              <a:buNone/>
              <a:defRPr sz="2000"/>
            </a:lvl8pPr>
            <a:lvl9pPr marL="3657588" indent="0">
              <a:buNone/>
              <a:defRPr sz="2000"/>
            </a:lvl9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5938922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iting">
    <p:bg bwMode="gray">
      <p:bgPr>
        <a:solidFill>
          <a:srgbClr val="00C3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045AC1E-EF59-4517-B810-DC83DB04ACA3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635005" y="889200"/>
            <a:ext cx="9366251" cy="5079600"/>
          </a:xfrm>
        </p:spPr>
        <p:txBody>
          <a:bodyPr anchor="ctr" anchorCtr="0">
            <a:noAutofit/>
          </a:bodyPr>
          <a:lstStyle>
            <a:lvl1pPr>
              <a:lnSpc>
                <a:spcPct val="70000"/>
              </a:lnSpc>
              <a:defRPr sz="7500">
                <a:solidFill>
                  <a:schemeClr val="bg1"/>
                </a:solidFill>
                <a:latin typeface="KPN Black" panose="020B0A04010101010104" pitchFamily="34" charset="0"/>
              </a:defRPr>
            </a:lvl1pPr>
          </a:lstStyle>
          <a:p>
            <a:r>
              <a:rPr lang="nl-NL" dirty="0"/>
              <a:t>Dank voor je aandacht!</a:t>
            </a:r>
          </a:p>
        </p:txBody>
      </p:sp>
      <p:pic>
        <p:nvPicPr>
          <p:cNvPr id="3" name="Picture 2" descr="A black and white logo&#10;&#10;Description automatically generated">
            <a:extLst>
              <a:ext uri="{FF2B5EF4-FFF2-40B4-BE49-F238E27FC236}">
                <a16:creationId xmlns:a16="http://schemas.microsoft.com/office/drawing/2014/main" id="{19921305-5997-FB0C-1D9E-FB8B4460FBB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9928806" y="500400"/>
            <a:ext cx="1643165" cy="6290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504077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t 2/3 foto">
    <p:bg bwMode="gray">
      <p:bgPr>
        <a:solidFill>
          <a:srgbClr val="00C3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Rectangle 21">
            <a:extLst>
              <a:ext uri="{FF2B5EF4-FFF2-40B4-BE49-F238E27FC236}">
                <a16:creationId xmlns:a16="http://schemas.microsoft.com/office/drawing/2014/main" id="{EBB563F5-BB59-488E-9EA6-96D42382523A}"/>
              </a:ext>
            </a:extLst>
          </p:cNvPr>
          <p:cNvSpPr/>
          <p:nvPr userDrawn="1"/>
        </p:nvSpPr>
        <p:spPr>
          <a:xfrm>
            <a:off x="9833102" y="450737"/>
            <a:ext cx="1906503" cy="9144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sz="1800"/>
          </a:p>
        </p:txBody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F2BC9DA3-B477-0E5D-C228-B5149DC48A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 bwMode="white">
          <a:xfrm>
            <a:off x="0" y="4"/>
            <a:ext cx="12191998" cy="6857999"/>
          </a:xfrm>
          <a:custGeom>
            <a:avLst/>
            <a:gdLst>
              <a:gd name="connsiteX0" fmla="*/ 5824 w 12191998"/>
              <a:gd name="connsiteY0" fmla="*/ 1840331 h 6857999"/>
              <a:gd name="connsiteX1" fmla="*/ 5824 w 12191998"/>
              <a:gd name="connsiteY1" fmla="*/ 5800329 h 6857999"/>
              <a:gd name="connsiteX2" fmla="*/ 5639262 w 12191998"/>
              <a:gd name="connsiteY2" fmla="*/ 5800329 h 6857999"/>
              <a:gd name="connsiteX3" fmla="*/ 6090147 w 12191998"/>
              <a:gd name="connsiteY3" fmla="*/ 5349443 h 6857999"/>
              <a:gd name="connsiteX4" fmla="*/ 6090147 w 12191998"/>
              <a:gd name="connsiteY4" fmla="*/ 2291217 h 6857999"/>
              <a:gd name="connsiteX5" fmla="*/ 5639262 w 12191998"/>
              <a:gd name="connsiteY5" fmla="*/ 1840331 h 6857999"/>
              <a:gd name="connsiteX6" fmla="*/ 10226203 w 12191998"/>
              <a:gd name="connsiteY6" fmla="*/ 909039 h 6857999"/>
              <a:gd name="connsiteX7" fmla="*/ 10124737 w 12191998"/>
              <a:gd name="connsiteY7" fmla="*/ 923054 h 6857999"/>
              <a:gd name="connsiteX8" fmla="*/ 10137851 w 12191998"/>
              <a:gd name="connsiteY8" fmla="*/ 962395 h 6857999"/>
              <a:gd name="connsiteX9" fmla="*/ 10143424 w 12191998"/>
              <a:gd name="connsiteY9" fmla="*/ 961083 h 6857999"/>
              <a:gd name="connsiteX10" fmla="*/ 10314556 w 12191998"/>
              <a:gd name="connsiteY10" fmla="*/ 962395 h 6857999"/>
              <a:gd name="connsiteX11" fmla="*/ 10327669 w 12191998"/>
              <a:gd name="connsiteY11" fmla="*/ 923054 h 6857999"/>
              <a:gd name="connsiteX12" fmla="*/ 10226203 w 12191998"/>
              <a:gd name="connsiteY12" fmla="*/ 909039 h 6857999"/>
              <a:gd name="connsiteX13" fmla="*/ 10330619 w 12191998"/>
              <a:gd name="connsiteY13" fmla="*/ 800442 h 6857999"/>
              <a:gd name="connsiteX14" fmla="*/ 10327341 w 12191998"/>
              <a:gd name="connsiteY14" fmla="*/ 832570 h 6857999"/>
              <a:gd name="connsiteX15" fmla="*/ 10332587 w 12191998"/>
              <a:gd name="connsiteY15" fmla="*/ 833553 h 6857999"/>
              <a:gd name="connsiteX16" fmla="*/ 10340127 w 12191998"/>
              <a:gd name="connsiteY16" fmla="*/ 840766 h 6857999"/>
              <a:gd name="connsiteX17" fmla="*/ 10306032 w 12191998"/>
              <a:gd name="connsiteY17" fmla="*/ 883713 h 6857999"/>
              <a:gd name="connsiteX18" fmla="*/ 10299147 w 12191998"/>
              <a:gd name="connsiteY18" fmla="*/ 890597 h 6857999"/>
              <a:gd name="connsiteX19" fmla="*/ 10340127 w 12191998"/>
              <a:gd name="connsiteY19" fmla="*/ 901088 h 6857999"/>
              <a:gd name="connsiteX20" fmla="*/ 10380451 w 12191998"/>
              <a:gd name="connsiteY20" fmla="*/ 838143 h 6857999"/>
              <a:gd name="connsiteX21" fmla="*/ 10330619 w 12191998"/>
              <a:gd name="connsiteY21" fmla="*/ 800442 h 6857999"/>
              <a:gd name="connsiteX22" fmla="*/ 10117197 w 12191998"/>
              <a:gd name="connsiteY22" fmla="*/ 800115 h 6857999"/>
              <a:gd name="connsiteX23" fmla="*/ 10072283 w 12191998"/>
              <a:gd name="connsiteY23" fmla="*/ 838144 h 6857999"/>
              <a:gd name="connsiteX24" fmla="*/ 10112607 w 12191998"/>
              <a:gd name="connsiteY24" fmla="*/ 901089 h 6857999"/>
              <a:gd name="connsiteX25" fmla="*/ 10153587 w 12191998"/>
              <a:gd name="connsiteY25" fmla="*/ 890598 h 6857999"/>
              <a:gd name="connsiteX26" fmla="*/ 10112607 w 12191998"/>
              <a:gd name="connsiteY26" fmla="*/ 840439 h 6857999"/>
              <a:gd name="connsiteX27" fmla="*/ 10120148 w 12191998"/>
              <a:gd name="connsiteY27" fmla="*/ 833227 h 6857999"/>
              <a:gd name="connsiteX28" fmla="*/ 10125393 w 12191998"/>
              <a:gd name="connsiteY28" fmla="*/ 832243 h 6857999"/>
              <a:gd name="connsiteX29" fmla="*/ 10122115 w 12191998"/>
              <a:gd name="connsiteY29" fmla="*/ 800115 h 6857999"/>
              <a:gd name="connsiteX30" fmla="*/ 9983438 w 12191998"/>
              <a:gd name="connsiteY30" fmla="*/ 780443 h 6857999"/>
              <a:gd name="connsiteX31" fmla="*/ 9927378 w 12191998"/>
              <a:gd name="connsiteY31" fmla="*/ 885679 h 6857999"/>
              <a:gd name="connsiteX32" fmla="*/ 9975898 w 12191998"/>
              <a:gd name="connsiteY32" fmla="*/ 983703 h 6857999"/>
              <a:gd name="connsiteX33" fmla="*/ 10290295 w 12191998"/>
              <a:gd name="connsiteY33" fmla="*/ 1050254 h 6857999"/>
              <a:gd name="connsiteX34" fmla="*/ 10255217 w 12191998"/>
              <a:gd name="connsiteY34" fmla="*/ 1014520 h 6857999"/>
              <a:gd name="connsiteX35" fmla="*/ 10008682 w 12191998"/>
              <a:gd name="connsiteY35" fmla="*/ 950591 h 6857999"/>
              <a:gd name="connsiteX36" fmla="*/ 9973931 w 12191998"/>
              <a:gd name="connsiteY36" fmla="*/ 885679 h 6857999"/>
              <a:gd name="connsiteX37" fmla="*/ 10000814 w 12191998"/>
              <a:gd name="connsiteY37" fmla="*/ 825357 h 6857999"/>
              <a:gd name="connsiteX38" fmla="*/ 9983438 w 12191998"/>
              <a:gd name="connsiteY38" fmla="*/ 780443 h 6857999"/>
              <a:gd name="connsiteX39" fmla="*/ 11075582 w 12191998"/>
              <a:gd name="connsiteY39" fmla="*/ 762188 h 6857999"/>
              <a:gd name="connsiteX40" fmla="*/ 11141693 w 12191998"/>
              <a:gd name="connsiteY40" fmla="*/ 839455 h 6857999"/>
              <a:gd name="connsiteX41" fmla="*/ 11075797 w 12191998"/>
              <a:gd name="connsiteY41" fmla="*/ 920103 h 6857999"/>
              <a:gd name="connsiteX42" fmla="*/ 11037440 w 12191998"/>
              <a:gd name="connsiteY42" fmla="*/ 914202 h 6857999"/>
              <a:gd name="connsiteX43" fmla="*/ 11037440 w 12191998"/>
              <a:gd name="connsiteY43" fmla="*/ 770609 h 6857999"/>
              <a:gd name="connsiteX44" fmla="*/ 11075582 w 12191998"/>
              <a:gd name="connsiteY44" fmla="*/ 762188 h 6857999"/>
              <a:gd name="connsiteX45" fmla="*/ 10186652 w 12191998"/>
              <a:gd name="connsiteY45" fmla="*/ 755323 h 6857999"/>
              <a:gd name="connsiteX46" fmla="*/ 10142440 w 12191998"/>
              <a:gd name="connsiteY46" fmla="*/ 801426 h 6857999"/>
              <a:gd name="connsiteX47" fmla="*/ 10174241 w 12191998"/>
              <a:gd name="connsiteY47" fmla="*/ 889615 h 6857999"/>
              <a:gd name="connsiteX48" fmla="*/ 10217187 w 12191998"/>
              <a:gd name="connsiteY48" fmla="*/ 886336 h 6857999"/>
              <a:gd name="connsiteX49" fmla="*/ 10213253 w 12191998"/>
              <a:gd name="connsiteY49" fmla="*/ 879124 h 6857999"/>
              <a:gd name="connsiteX50" fmla="*/ 10184731 w 12191998"/>
              <a:gd name="connsiteY50" fmla="*/ 809622 h 6857999"/>
              <a:gd name="connsiteX51" fmla="*/ 10212598 w 12191998"/>
              <a:gd name="connsiteY51" fmla="*/ 795197 h 6857999"/>
              <a:gd name="connsiteX52" fmla="*/ 10212598 w 12191998"/>
              <a:gd name="connsiteY52" fmla="*/ 759463 h 6857999"/>
              <a:gd name="connsiteX53" fmla="*/ 10186652 w 12191998"/>
              <a:gd name="connsiteY53" fmla="*/ 755323 h 6857999"/>
              <a:gd name="connsiteX54" fmla="*/ 10265760 w 12191998"/>
              <a:gd name="connsiteY54" fmla="*/ 754857 h 6857999"/>
              <a:gd name="connsiteX55" fmla="*/ 10239809 w 12191998"/>
              <a:gd name="connsiteY55" fmla="*/ 758806 h 6857999"/>
              <a:gd name="connsiteX56" fmla="*/ 10239809 w 12191998"/>
              <a:gd name="connsiteY56" fmla="*/ 794542 h 6857999"/>
              <a:gd name="connsiteX57" fmla="*/ 10267675 w 12191998"/>
              <a:gd name="connsiteY57" fmla="*/ 808966 h 6857999"/>
              <a:gd name="connsiteX58" fmla="*/ 10239153 w 12191998"/>
              <a:gd name="connsiteY58" fmla="*/ 878468 h 6857999"/>
              <a:gd name="connsiteX59" fmla="*/ 10235547 w 12191998"/>
              <a:gd name="connsiteY59" fmla="*/ 886009 h 6857999"/>
              <a:gd name="connsiteX60" fmla="*/ 10278494 w 12191998"/>
              <a:gd name="connsiteY60" fmla="*/ 889287 h 6857999"/>
              <a:gd name="connsiteX61" fmla="*/ 10310294 w 12191998"/>
              <a:gd name="connsiteY61" fmla="*/ 801098 h 6857999"/>
              <a:gd name="connsiteX62" fmla="*/ 10265760 w 12191998"/>
              <a:gd name="connsiteY62" fmla="*/ 754857 h 6857999"/>
              <a:gd name="connsiteX63" fmla="*/ 11432813 w 12191998"/>
              <a:gd name="connsiteY63" fmla="*/ 698485 h 6857999"/>
              <a:gd name="connsiteX64" fmla="*/ 11301350 w 12191998"/>
              <a:gd name="connsiteY64" fmla="*/ 723073 h 6857999"/>
              <a:gd name="connsiteX65" fmla="*/ 11301350 w 12191998"/>
              <a:gd name="connsiteY65" fmla="*/ 978131 h 6857999"/>
              <a:gd name="connsiteX66" fmla="*/ 11386916 w 12191998"/>
              <a:gd name="connsiteY66" fmla="*/ 978131 h 6857999"/>
              <a:gd name="connsiteX67" fmla="*/ 11386916 w 12191998"/>
              <a:gd name="connsiteY67" fmla="*/ 773232 h 6857999"/>
              <a:gd name="connsiteX68" fmla="*/ 11430846 w 12191998"/>
              <a:gd name="connsiteY68" fmla="*/ 764708 h 6857999"/>
              <a:gd name="connsiteX69" fmla="*/ 11485923 w 12191998"/>
              <a:gd name="connsiteY69" fmla="*/ 845029 h 6857999"/>
              <a:gd name="connsiteX70" fmla="*/ 11485923 w 12191998"/>
              <a:gd name="connsiteY70" fmla="*/ 978131 h 6857999"/>
              <a:gd name="connsiteX71" fmla="*/ 11571489 w 12191998"/>
              <a:gd name="connsiteY71" fmla="*/ 978131 h 6857999"/>
              <a:gd name="connsiteX72" fmla="*/ 11571489 w 12191998"/>
              <a:gd name="connsiteY72" fmla="*/ 832571 h 6857999"/>
              <a:gd name="connsiteX73" fmla="*/ 11432813 w 12191998"/>
              <a:gd name="connsiteY73" fmla="*/ 698485 h 6857999"/>
              <a:gd name="connsiteX74" fmla="*/ 11080059 w 12191998"/>
              <a:gd name="connsiteY74" fmla="*/ 697173 h 6857999"/>
              <a:gd name="connsiteX75" fmla="*/ 10951874 w 12191998"/>
              <a:gd name="connsiteY75" fmla="*/ 721761 h 6857999"/>
              <a:gd name="connsiteX76" fmla="*/ 10951874 w 12191998"/>
              <a:gd name="connsiteY76" fmla="*/ 1082056 h 6857999"/>
              <a:gd name="connsiteX77" fmla="*/ 11037440 w 12191998"/>
              <a:gd name="connsiteY77" fmla="*/ 1082056 h 6857999"/>
              <a:gd name="connsiteX78" fmla="*/ 11037440 w 12191998"/>
              <a:gd name="connsiteY78" fmla="*/ 979114 h 6857999"/>
              <a:gd name="connsiteX79" fmla="*/ 11229881 w 12191998"/>
              <a:gd name="connsiteY79" fmla="*/ 839127 h 6857999"/>
              <a:gd name="connsiteX80" fmla="*/ 11080059 w 12191998"/>
              <a:gd name="connsiteY80" fmla="*/ 697173 h 6857999"/>
              <a:gd name="connsiteX81" fmla="*/ 10365371 w 12191998"/>
              <a:gd name="connsiteY81" fmla="*/ 689304 h 6857999"/>
              <a:gd name="connsiteX82" fmla="*/ 10321440 w 12191998"/>
              <a:gd name="connsiteY82" fmla="*/ 693238 h 6857999"/>
              <a:gd name="connsiteX83" fmla="*/ 10333898 w 12191998"/>
              <a:gd name="connsiteY83" fmla="*/ 739136 h 6857999"/>
              <a:gd name="connsiteX84" fmla="*/ 10365371 w 12191998"/>
              <a:gd name="connsiteY84" fmla="*/ 736513 h 6857999"/>
              <a:gd name="connsiteX85" fmla="*/ 10463067 w 12191998"/>
              <a:gd name="connsiteY85" fmla="*/ 812900 h 6857999"/>
              <a:gd name="connsiteX86" fmla="*/ 10439134 w 12191998"/>
              <a:gd name="connsiteY86" fmla="*/ 893876 h 6857999"/>
              <a:gd name="connsiteX87" fmla="*/ 10416186 w 12191998"/>
              <a:gd name="connsiteY87" fmla="*/ 961083 h 6857999"/>
              <a:gd name="connsiteX88" fmla="*/ 10313572 w 12191998"/>
              <a:gd name="connsiteY88" fmla="*/ 1070253 h 6857999"/>
              <a:gd name="connsiteX89" fmla="*/ 10263085 w 12191998"/>
              <a:gd name="connsiteY89" fmla="*/ 1090251 h 6857999"/>
              <a:gd name="connsiteX90" fmla="*/ 10344061 w 12191998"/>
              <a:gd name="connsiteY90" fmla="*/ 1126641 h 6857999"/>
              <a:gd name="connsiteX91" fmla="*/ 10461427 w 12191998"/>
              <a:gd name="connsiteY91" fmla="*/ 972229 h 6857999"/>
              <a:gd name="connsiteX92" fmla="*/ 10509620 w 12191998"/>
              <a:gd name="connsiteY92" fmla="*/ 812572 h 6857999"/>
              <a:gd name="connsiteX93" fmla="*/ 10365371 w 12191998"/>
              <a:gd name="connsiteY93" fmla="*/ 689304 h 6857999"/>
              <a:gd name="connsiteX94" fmla="*/ 10226367 w 12191998"/>
              <a:gd name="connsiteY94" fmla="*/ 677175 h 6857999"/>
              <a:gd name="connsiteX95" fmla="*/ 10194567 w 12191998"/>
              <a:gd name="connsiteY95" fmla="*/ 710287 h 6857999"/>
              <a:gd name="connsiteX96" fmla="*/ 10226367 w 12191998"/>
              <a:gd name="connsiteY96" fmla="*/ 743398 h 6857999"/>
              <a:gd name="connsiteX97" fmla="*/ 10258168 w 12191998"/>
              <a:gd name="connsiteY97" fmla="*/ 710287 h 6857999"/>
              <a:gd name="connsiteX98" fmla="*/ 10615184 w 12191998"/>
              <a:gd name="connsiteY98" fmla="*/ 602100 h 6857999"/>
              <a:gd name="connsiteX99" fmla="*/ 10615184 w 12191998"/>
              <a:gd name="connsiteY99" fmla="*/ 976820 h 6857999"/>
              <a:gd name="connsiteX100" fmla="*/ 10700750 w 12191998"/>
              <a:gd name="connsiteY100" fmla="*/ 976820 h 6857999"/>
              <a:gd name="connsiteX101" fmla="*/ 10700750 w 12191998"/>
              <a:gd name="connsiteY101" fmla="*/ 829292 h 6857999"/>
              <a:gd name="connsiteX102" fmla="*/ 10798774 w 12191998"/>
              <a:gd name="connsiteY102" fmla="*/ 976819 h 6857999"/>
              <a:gd name="connsiteX103" fmla="*/ 10900076 w 12191998"/>
              <a:gd name="connsiteY103" fmla="*/ 976819 h 6857999"/>
              <a:gd name="connsiteX104" fmla="*/ 10793856 w 12191998"/>
              <a:gd name="connsiteY104" fmla="*/ 826341 h 6857999"/>
              <a:gd name="connsiteX105" fmla="*/ 10891224 w 12191998"/>
              <a:gd name="connsiteY105" fmla="*/ 707008 h 6857999"/>
              <a:gd name="connsiteX106" fmla="*/ 10793856 w 12191998"/>
              <a:gd name="connsiteY106" fmla="*/ 707008 h 6857999"/>
              <a:gd name="connsiteX107" fmla="*/ 10700750 w 12191998"/>
              <a:gd name="connsiteY107" fmla="*/ 829292 h 6857999"/>
              <a:gd name="connsiteX108" fmla="*/ 10700750 w 12191998"/>
              <a:gd name="connsiteY108" fmla="*/ 602100 h 6857999"/>
              <a:gd name="connsiteX109" fmla="*/ 10129326 w 12191998"/>
              <a:gd name="connsiteY109" fmla="*/ 499486 h 6857999"/>
              <a:gd name="connsiteX110" fmla="*/ 9993929 w 12191998"/>
              <a:gd name="connsiteY110" fmla="*/ 689960 h 6857999"/>
              <a:gd name="connsiteX111" fmla="*/ 10023762 w 12191998"/>
              <a:gd name="connsiteY111" fmla="*/ 807654 h 6857999"/>
              <a:gd name="connsiteX112" fmla="*/ 10064414 w 12191998"/>
              <a:gd name="connsiteY112" fmla="*/ 783394 h 6857999"/>
              <a:gd name="connsiteX113" fmla="*/ 10040810 w 12191998"/>
              <a:gd name="connsiteY113" fmla="*/ 689960 h 6857999"/>
              <a:gd name="connsiteX114" fmla="*/ 10076872 w 12191998"/>
              <a:gd name="connsiteY114" fmla="*/ 568332 h 6857999"/>
              <a:gd name="connsiteX115" fmla="*/ 10307343 w 12191998"/>
              <a:gd name="connsiteY115" fmla="*/ 666684 h 6857999"/>
              <a:gd name="connsiteX116" fmla="*/ 10359797 w 12191998"/>
              <a:gd name="connsiteY116" fmla="*/ 661110 h 6857999"/>
              <a:gd name="connsiteX117" fmla="*/ 10129326 w 12191998"/>
              <a:gd name="connsiteY117" fmla="*/ 499486 h 6857999"/>
              <a:gd name="connsiteX118" fmla="*/ 0 w 12191998"/>
              <a:gd name="connsiteY118" fmla="*/ 0 h 6857999"/>
              <a:gd name="connsiteX119" fmla="*/ 12191998 w 12191998"/>
              <a:gd name="connsiteY119" fmla="*/ 0 h 6857999"/>
              <a:gd name="connsiteX120" fmla="*/ 12191998 w 12191998"/>
              <a:gd name="connsiteY120" fmla="*/ 6857999 h 6857999"/>
              <a:gd name="connsiteX121" fmla="*/ 0 w 12191998"/>
              <a:gd name="connsiteY121" fmla="*/ 685799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191998" h="6857999">
                <a:moveTo>
                  <a:pt x="5824" y="1840331"/>
                </a:moveTo>
                <a:cubicBezTo>
                  <a:pt x="6955" y="3132719"/>
                  <a:pt x="24047" y="5003596"/>
                  <a:pt x="5824" y="5800329"/>
                </a:cubicBezTo>
                <a:lnTo>
                  <a:pt x="5639262" y="5800329"/>
                </a:lnTo>
                <a:cubicBezTo>
                  <a:pt x="5888278" y="5800329"/>
                  <a:pt x="6090147" y="5598460"/>
                  <a:pt x="6090147" y="5349443"/>
                </a:cubicBezTo>
                <a:lnTo>
                  <a:pt x="6090147" y="2291217"/>
                </a:lnTo>
                <a:cubicBezTo>
                  <a:pt x="6090147" y="2042200"/>
                  <a:pt x="5888278" y="1840331"/>
                  <a:pt x="5639262" y="1840331"/>
                </a:cubicBezTo>
                <a:close/>
                <a:moveTo>
                  <a:pt x="10226203" y="909039"/>
                </a:moveTo>
                <a:cubicBezTo>
                  <a:pt x="10191780" y="909039"/>
                  <a:pt x="10157357" y="913710"/>
                  <a:pt x="10124737" y="923054"/>
                </a:cubicBezTo>
                <a:lnTo>
                  <a:pt x="10137851" y="962395"/>
                </a:lnTo>
                <a:lnTo>
                  <a:pt x="10143424" y="961083"/>
                </a:lnTo>
                <a:cubicBezTo>
                  <a:pt x="10198829" y="946003"/>
                  <a:pt x="10259151" y="946658"/>
                  <a:pt x="10314556" y="962395"/>
                </a:cubicBezTo>
                <a:lnTo>
                  <a:pt x="10327669" y="923054"/>
                </a:lnTo>
                <a:cubicBezTo>
                  <a:pt x="10295049" y="913710"/>
                  <a:pt x="10260626" y="909039"/>
                  <a:pt x="10226203" y="909039"/>
                </a:cubicBezTo>
                <a:close/>
                <a:moveTo>
                  <a:pt x="10330619" y="800442"/>
                </a:moveTo>
                <a:cubicBezTo>
                  <a:pt x="10331275" y="810932"/>
                  <a:pt x="10329964" y="821751"/>
                  <a:pt x="10327341" y="832570"/>
                </a:cubicBezTo>
                <a:lnTo>
                  <a:pt x="10332587" y="833553"/>
                </a:lnTo>
                <a:cubicBezTo>
                  <a:pt x="10340127" y="834865"/>
                  <a:pt x="10340127" y="839127"/>
                  <a:pt x="10340127" y="840766"/>
                </a:cubicBezTo>
                <a:cubicBezTo>
                  <a:pt x="10340127" y="847650"/>
                  <a:pt x="10335209" y="855518"/>
                  <a:pt x="10306032" y="883713"/>
                </a:cubicBezTo>
                <a:lnTo>
                  <a:pt x="10299147" y="890597"/>
                </a:lnTo>
                <a:cubicBezTo>
                  <a:pt x="10312916" y="893220"/>
                  <a:pt x="10327341" y="896826"/>
                  <a:pt x="10340127" y="901088"/>
                </a:cubicBezTo>
                <a:cubicBezTo>
                  <a:pt x="10371271" y="874205"/>
                  <a:pt x="10381434" y="854535"/>
                  <a:pt x="10380451" y="838143"/>
                </a:cubicBezTo>
                <a:cubicBezTo>
                  <a:pt x="10380779" y="812899"/>
                  <a:pt x="10357502" y="797819"/>
                  <a:pt x="10330619" y="800442"/>
                </a:cubicBezTo>
                <a:close/>
                <a:moveTo>
                  <a:pt x="10117197" y="800115"/>
                </a:moveTo>
                <a:cubicBezTo>
                  <a:pt x="10091626" y="799131"/>
                  <a:pt x="10072283" y="815195"/>
                  <a:pt x="10072283" y="838144"/>
                </a:cubicBezTo>
                <a:cubicBezTo>
                  <a:pt x="10071300" y="854536"/>
                  <a:pt x="10081463" y="874206"/>
                  <a:pt x="10112607" y="901089"/>
                </a:cubicBezTo>
                <a:cubicBezTo>
                  <a:pt x="10125393" y="896827"/>
                  <a:pt x="10139818" y="893549"/>
                  <a:pt x="10153587" y="890598"/>
                </a:cubicBezTo>
                <a:cubicBezTo>
                  <a:pt x="10128999" y="867322"/>
                  <a:pt x="10110640" y="847979"/>
                  <a:pt x="10112607" y="840439"/>
                </a:cubicBezTo>
                <a:cubicBezTo>
                  <a:pt x="10112607" y="838800"/>
                  <a:pt x="10112607" y="834866"/>
                  <a:pt x="10120148" y="833227"/>
                </a:cubicBezTo>
                <a:lnTo>
                  <a:pt x="10125393" y="832243"/>
                </a:lnTo>
                <a:cubicBezTo>
                  <a:pt x="10122443" y="821424"/>
                  <a:pt x="10121131" y="810606"/>
                  <a:pt x="10122115" y="800115"/>
                </a:cubicBezTo>
                <a:close/>
                <a:moveTo>
                  <a:pt x="9983438" y="780443"/>
                </a:moveTo>
                <a:cubicBezTo>
                  <a:pt x="9946393" y="804703"/>
                  <a:pt x="9927378" y="840437"/>
                  <a:pt x="9927378" y="885679"/>
                </a:cubicBezTo>
                <a:cubicBezTo>
                  <a:pt x="9927378" y="917480"/>
                  <a:pt x="9944426" y="952230"/>
                  <a:pt x="9975898" y="983703"/>
                </a:cubicBezTo>
                <a:cubicBezTo>
                  <a:pt x="10037532" y="1048615"/>
                  <a:pt x="10182764" y="1105659"/>
                  <a:pt x="10290295" y="1050254"/>
                </a:cubicBezTo>
                <a:cubicBezTo>
                  <a:pt x="10278493" y="1038780"/>
                  <a:pt x="10266691" y="1026978"/>
                  <a:pt x="10255217" y="1014520"/>
                </a:cubicBezTo>
                <a:cubicBezTo>
                  <a:pt x="10172601" y="1045665"/>
                  <a:pt x="10069004" y="1009274"/>
                  <a:pt x="10008682" y="950591"/>
                </a:cubicBezTo>
                <a:cubicBezTo>
                  <a:pt x="9987045" y="928954"/>
                  <a:pt x="9973931" y="904694"/>
                  <a:pt x="9973931" y="885679"/>
                </a:cubicBezTo>
                <a:cubicBezTo>
                  <a:pt x="9973931" y="859124"/>
                  <a:pt x="9982455" y="840110"/>
                  <a:pt x="10000814" y="825357"/>
                </a:cubicBezTo>
                <a:cubicBezTo>
                  <a:pt x="9994913" y="810932"/>
                  <a:pt x="9988684" y="795524"/>
                  <a:pt x="9983438" y="780443"/>
                </a:cubicBezTo>
                <a:close/>
                <a:moveTo>
                  <a:pt x="11075582" y="762188"/>
                </a:moveTo>
                <a:cubicBezTo>
                  <a:pt x="11112372" y="761020"/>
                  <a:pt x="11142430" y="782903"/>
                  <a:pt x="11141693" y="839455"/>
                </a:cubicBezTo>
                <a:cubicBezTo>
                  <a:pt x="11141365" y="891581"/>
                  <a:pt x="11122022" y="920103"/>
                  <a:pt x="11075797" y="920103"/>
                </a:cubicBezTo>
                <a:cubicBezTo>
                  <a:pt x="11062683" y="920103"/>
                  <a:pt x="11045964" y="917481"/>
                  <a:pt x="11037440" y="914202"/>
                </a:cubicBezTo>
                <a:lnTo>
                  <a:pt x="11037440" y="770609"/>
                </a:lnTo>
                <a:cubicBezTo>
                  <a:pt x="11050308" y="765527"/>
                  <a:pt x="11063319" y="762577"/>
                  <a:pt x="11075582" y="762188"/>
                </a:cubicBezTo>
                <a:close/>
                <a:moveTo>
                  <a:pt x="10186652" y="755323"/>
                </a:moveTo>
                <a:cubicBezTo>
                  <a:pt x="10162602" y="757044"/>
                  <a:pt x="10145145" y="775362"/>
                  <a:pt x="10142440" y="801426"/>
                </a:cubicBezTo>
                <a:cubicBezTo>
                  <a:pt x="10139490" y="823063"/>
                  <a:pt x="10151292" y="853552"/>
                  <a:pt x="10174241" y="889615"/>
                </a:cubicBezTo>
                <a:cubicBezTo>
                  <a:pt x="10188993" y="887320"/>
                  <a:pt x="10203090" y="886336"/>
                  <a:pt x="10217187" y="886336"/>
                </a:cubicBezTo>
                <a:lnTo>
                  <a:pt x="10213253" y="879124"/>
                </a:lnTo>
                <a:cubicBezTo>
                  <a:pt x="10189321" y="833226"/>
                  <a:pt x="10184731" y="819129"/>
                  <a:pt x="10184731" y="809622"/>
                </a:cubicBezTo>
                <a:cubicBezTo>
                  <a:pt x="10184076" y="794869"/>
                  <a:pt x="10196534" y="793558"/>
                  <a:pt x="10212598" y="795197"/>
                </a:cubicBezTo>
                <a:lnTo>
                  <a:pt x="10212598" y="759463"/>
                </a:lnTo>
                <a:cubicBezTo>
                  <a:pt x="10203418" y="756020"/>
                  <a:pt x="10194669" y="754750"/>
                  <a:pt x="10186652" y="755323"/>
                </a:cubicBezTo>
                <a:close/>
                <a:moveTo>
                  <a:pt x="10265760" y="754857"/>
                </a:moveTo>
                <a:cubicBezTo>
                  <a:pt x="10257738" y="754237"/>
                  <a:pt x="10248989" y="755446"/>
                  <a:pt x="10239809" y="758806"/>
                </a:cubicBezTo>
                <a:lnTo>
                  <a:pt x="10239809" y="794542"/>
                </a:lnTo>
                <a:cubicBezTo>
                  <a:pt x="10255545" y="792902"/>
                  <a:pt x="10268003" y="794213"/>
                  <a:pt x="10267675" y="808966"/>
                </a:cubicBezTo>
                <a:cubicBezTo>
                  <a:pt x="10267675" y="818802"/>
                  <a:pt x="10263085" y="832570"/>
                  <a:pt x="10239153" y="878468"/>
                </a:cubicBezTo>
                <a:lnTo>
                  <a:pt x="10235547" y="886009"/>
                </a:lnTo>
                <a:cubicBezTo>
                  <a:pt x="10249644" y="886336"/>
                  <a:pt x="10263741" y="887320"/>
                  <a:pt x="10278494" y="889287"/>
                </a:cubicBezTo>
                <a:cubicBezTo>
                  <a:pt x="10301443" y="853224"/>
                  <a:pt x="10313245" y="822736"/>
                  <a:pt x="10310294" y="801098"/>
                </a:cubicBezTo>
                <a:cubicBezTo>
                  <a:pt x="10307344" y="775035"/>
                  <a:pt x="10289825" y="756717"/>
                  <a:pt x="10265760" y="754857"/>
                </a:cubicBezTo>
                <a:close/>
                <a:moveTo>
                  <a:pt x="11432813" y="698485"/>
                </a:moveTo>
                <a:cubicBezTo>
                  <a:pt x="11381998" y="698485"/>
                  <a:pt x="11339707" y="707664"/>
                  <a:pt x="11301350" y="723073"/>
                </a:cubicBezTo>
                <a:lnTo>
                  <a:pt x="11301350" y="978131"/>
                </a:lnTo>
                <a:lnTo>
                  <a:pt x="11386916" y="978131"/>
                </a:lnTo>
                <a:lnTo>
                  <a:pt x="11386916" y="773232"/>
                </a:lnTo>
                <a:cubicBezTo>
                  <a:pt x="11399374" y="767659"/>
                  <a:pt x="11414782" y="764708"/>
                  <a:pt x="11430846" y="764708"/>
                </a:cubicBezTo>
                <a:cubicBezTo>
                  <a:pt x="11477072" y="764708"/>
                  <a:pt x="11485923" y="792903"/>
                  <a:pt x="11485923" y="845029"/>
                </a:cubicBezTo>
                <a:lnTo>
                  <a:pt x="11485923" y="978131"/>
                </a:lnTo>
                <a:lnTo>
                  <a:pt x="11571489" y="978131"/>
                </a:lnTo>
                <a:lnTo>
                  <a:pt x="11571489" y="832571"/>
                </a:lnTo>
                <a:cubicBezTo>
                  <a:pt x="11571817" y="750939"/>
                  <a:pt x="11544606" y="698485"/>
                  <a:pt x="11432813" y="698485"/>
                </a:cubicBezTo>
                <a:close/>
                <a:moveTo>
                  <a:pt x="11080059" y="697173"/>
                </a:moveTo>
                <a:cubicBezTo>
                  <a:pt x="11034817" y="697173"/>
                  <a:pt x="10987608" y="707008"/>
                  <a:pt x="10951874" y="721761"/>
                </a:cubicBezTo>
                <a:lnTo>
                  <a:pt x="10951874" y="1082056"/>
                </a:lnTo>
                <a:lnTo>
                  <a:pt x="11037440" y="1082056"/>
                </a:lnTo>
                <a:lnTo>
                  <a:pt x="11037440" y="979114"/>
                </a:lnTo>
                <a:cubicBezTo>
                  <a:pt x="11144971" y="998785"/>
                  <a:pt x="11231520" y="954198"/>
                  <a:pt x="11229881" y="839127"/>
                </a:cubicBezTo>
                <a:cubicBezTo>
                  <a:pt x="11229553" y="747988"/>
                  <a:pt x="11181033" y="697173"/>
                  <a:pt x="11080059" y="697173"/>
                </a:cubicBezTo>
                <a:close/>
                <a:moveTo>
                  <a:pt x="10365371" y="689304"/>
                </a:moveTo>
                <a:cubicBezTo>
                  <a:pt x="10338816" y="689304"/>
                  <a:pt x="10321440" y="693238"/>
                  <a:pt x="10321440" y="693238"/>
                </a:cubicBezTo>
                <a:cubicBezTo>
                  <a:pt x="10327341" y="707008"/>
                  <a:pt x="10331603" y="722744"/>
                  <a:pt x="10333898" y="739136"/>
                </a:cubicBezTo>
                <a:cubicBezTo>
                  <a:pt x="10344389" y="737824"/>
                  <a:pt x="10355208" y="736513"/>
                  <a:pt x="10365371" y="736513"/>
                </a:cubicBezTo>
                <a:cubicBezTo>
                  <a:pt x="10424709" y="736185"/>
                  <a:pt x="10461755" y="770281"/>
                  <a:pt x="10463067" y="812900"/>
                </a:cubicBezTo>
                <a:cubicBezTo>
                  <a:pt x="10463067" y="835520"/>
                  <a:pt x="10450936" y="865354"/>
                  <a:pt x="10439134" y="893876"/>
                </a:cubicBezTo>
                <a:cubicBezTo>
                  <a:pt x="10433233" y="908628"/>
                  <a:pt x="10422087" y="936823"/>
                  <a:pt x="10416186" y="961083"/>
                </a:cubicBezTo>
                <a:cubicBezTo>
                  <a:pt x="10406350" y="1001407"/>
                  <a:pt x="10377829" y="1113528"/>
                  <a:pt x="10313572" y="1070253"/>
                </a:cubicBezTo>
                <a:cubicBezTo>
                  <a:pt x="10298819" y="1076810"/>
                  <a:pt x="10278493" y="1085989"/>
                  <a:pt x="10263085" y="1090251"/>
                </a:cubicBezTo>
                <a:cubicBezTo>
                  <a:pt x="10293574" y="1117462"/>
                  <a:pt x="10314556" y="1126641"/>
                  <a:pt x="10344061" y="1126641"/>
                </a:cubicBezTo>
                <a:cubicBezTo>
                  <a:pt x="10423726" y="1126641"/>
                  <a:pt x="10450936" y="1014520"/>
                  <a:pt x="10461427" y="972229"/>
                </a:cubicBezTo>
                <a:cubicBezTo>
                  <a:pt x="10471590" y="926332"/>
                  <a:pt x="10510275" y="862075"/>
                  <a:pt x="10509620" y="812572"/>
                </a:cubicBezTo>
                <a:cubicBezTo>
                  <a:pt x="10508964" y="738808"/>
                  <a:pt x="10441101" y="687009"/>
                  <a:pt x="10365371" y="689304"/>
                </a:cubicBezTo>
                <a:close/>
                <a:moveTo>
                  <a:pt x="10226367" y="677175"/>
                </a:moveTo>
                <a:lnTo>
                  <a:pt x="10194567" y="710287"/>
                </a:lnTo>
                <a:lnTo>
                  <a:pt x="10226367" y="743398"/>
                </a:lnTo>
                <a:lnTo>
                  <a:pt x="10258168" y="710287"/>
                </a:lnTo>
                <a:close/>
                <a:moveTo>
                  <a:pt x="10615184" y="602100"/>
                </a:moveTo>
                <a:lnTo>
                  <a:pt x="10615184" y="976820"/>
                </a:lnTo>
                <a:lnTo>
                  <a:pt x="10700750" y="976820"/>
                </a:lnTo>
                <a:lnTo>
                  <a:pt x="10700750" y="829292"/>
                </a:lnTo>
                <a:lnTo>
                  <a:pt x="10798774" y="976819"/>
                </a:lnTo>
                <a:lnTo>
                  <a:pt x="10900076" y="976819"/>
                </a:lnTo>
                <a:lnTo>
                  <a:pt x="10793856" y="826341"/>
                </a:lnTo>
                <a:lnTo>
                  <a:pt x="10891224" y="707008"/>
                </a:lnTo>
                <a:lnTo>
                  <a:pt x="10793856" y="707008"/>
                </a:lnTo>
                <a:lnTo>
                  <a:pt x="10700750" y="829292"/>
                </a:lnTo>
                <a:lnTo>
                  <a:pt x="10700750" y="602100"/>
                </a:lnTo>
                <a:close/>
                <a:moveTo>
                  <a:pt x="10129326" y="499486"/>
                </a:moveTo>
                <a:cubicBezTo>
                  <a:pt x="10035892" y="499486"/>
                  <a:pt x="9993929" y="595215"/>
                  <a:pt x="9993929" y="689960"/>
                </a:cubicBezTo>
                <a:cubicBezTo>
                  <a:pt x="9994257" y="735202"/>
                  <a:pt x="10009337" y="772248"/>
                  <a:pt x="10023762" y="807654"/>
                </a:cubicBezTo>
                <a:cubicBezTo>
                  <a:pt x="10030975" y="803065"/>
                  <a:pt x="10046383" y="792902"/>
                  <a:pt x="10064414" y="783394"/>
                </a:cubicBezTo>
                <a:cubicBezTo>
                  <a:pt x="10049006" y="747004"/>
                  <a:pt x="10040482" y="714876"/>
                  <a:pt x="10040810" y="689960"/>
                </a:cubicBezTo>
                <a:cubicBezTo>
                  <a:pt x="10040810" y="635539"/>
                  <a:pt x="10053923" y="591281"/>
                  <a:pt x="10076872" y="568332"/>
                </a:cubicBezTo>
                <a:cubicBezTo>
                  <a:pt x="10136867" y="508010"/>
                  <a:pt x="10253905" y="585052"/>
                  <a:pt x="10307343" y="666684"/>
                </a:cubicBezTo>
                <a:cubicBezTo>
                  <a:pt x="10323735" y="664389"/>
                  <a:pt x="10343077" y="661110"/>
                  <a:pt x="10359797" y="661110"/>
                </a:cubicBezTo>
                <a:cubicBezTo>
                  <a:pt x="10306359" y="564726"/>
                  <a:pt x="10197517" y="499486"/>
                  <a:pt x="10129326" y="499486"/>
                </a:cubicBezTo>
                <a:close/>
                <a:moveTo>
                  <a:pt x="0" y="0"/>
                </a:moveTo>
                <a:lnTo>
                  <a:pt x="12191998" y="0"/>
                </a:lnTo>
                <a:lnTo>
                  <a:pt x="12191998" y="6857999"/>
                </a:lnTo>
                <a:lnTo>
                  <a:pt x="0" y="6857999"/>
                </a:lnTo>
                <a:close/>
              </a:path>
            </a:pathLst>
          </a:custGeom>
          <a:solidFill>
            <a:srgbClr val="414141"/>
          </a:solidFill>
          <a:ln>
            <a:noFill/>
          </a:ln>
        </p:spPr>
        <p:txBody>
          <a:bodyPr wrap="square" lIns="6408000" tIns="0" rIns="360000" anchor="ctr" anchorCtr="0">
            <a:noAutofit/>
          </a:bodyPr>
          <a:lstStyle>
            <a:lvl1pPr algn="l">
              <a:buNone/>
              <a:defRPr sz="1600">
                <a:solidFill>
                  <a:schemeClr val="bg1"/>
                </a:solidFill>
                <a:latin typeface="KPN" panose="020B0504010101010104" pitchFamily="34" charset="0"/>
              </a:defRPr>
            </a:lvl1pPr>
          </a:lstStyle>
          <a:p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4" name="Naam" descr="{&quot;templafy&quot;:{&quot;id&quot;:&quot;77acbac0-9204-4cb2-a1e2-6b7789696307&quot;}}">
            <a:extLst>
              <a:ext uri="{FF2B5EF4-FFF2-40B4-BE49-F238E27FC236}">
                <a16:creationId xmlns:a16="http://schemas.microsoft.com/office/drawing/2014/main" id="{CCCAF67E-2620-E8A1-C52D-C6397C625C05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635005" y="5232935"/>
            <a:ext cx="3428996" cy="41319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ts val="200"/>
              </a:spcBef>
              <a:buFont typeface="Arial" panose="020B0604020202020204" pitchFamily="34" charset="0"/>
              <a:buNone/>
              <a:defRPr sz="2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/>
            <a:r>
              <a:rPr lang="nl-NL" sz="1800" dirty="0"/>
              <a:t>Erwin Sprengers</a:t>
            </a:r>
          </a:p>
        </p:txBody>
      </p:sp>
      <p:sp>
        <p:nvSpPr>
          <p:cNvPr id="5" name="Datum" descr="{&quot;templafy&quot;:{&quot;id&quot;:&quot;e28c3f3d-071f-4d00-ab6a-a774820d7560&quot;}}">
            <a:extLst>
              <a:ext uri="{FF2B5EF4-FFF2-40B4-BE49-F238E27FC236}">
                <a16:creationId xmlns:a16="http://schemas.microsoft.com/office/drawing/2014/main" id="{6A78066D-5826-F82E-2109-588B5A166381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4064001" y="5232935"/>
            <a:ext cx="1884399" cy="41319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ts val="200"/>
              </a:spcBef>
              <a:buFont typeface="Arial" panose="020B0604020202020204" pitchFamily="34" charset="0"/>
              <a:buNone/>
              <a:defRPr sz="2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 algn="l"/>
            <a:r>
              <a:rPr lang="nl-NL" sz="1800" dirty="0"/>
              <a:t>7 februari 2024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A27C25E-9146-5CFF-A17A-BCBC787E78C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635000" y="2535920"/>
            <a:ext cx="5302250" cy="1136720"/>
          </a:xfrm>
        </p:spPr>
        <p:txBody>
          <a:bodyPr anchor="b" anchorCtr="0"/>
          <a:lstStyle>
            <a:lvl1pPr algn="l">
              <a:lnSpc>
                <a:spcPct val="70000"/>
              </a:lnSpc>
              <a:defRPr sz="75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nl-NL" dirty="0"/>
              <a:t>Titel</a:t>
            </a:r>
            <a:endParaRPr lang="nl-NL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932DC7D-74B7-A518-B7B5-5F6D42D940C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635000" y="3784470"/>
            <a:ext cx="5302250" cy="574306"/>
          </a:xfrm>
        </p:spPr>
        <p:txBody>
          <a:bodyPr anchor="t" anchorCtr="0"/>
          <a:lstStyle>
            <a:lvl1pPr marL="0" indent="0" algn="l">
              <a:lnSpc>
                <a:spcPct val="83000"/>
              </a:lnSpc>
              <a:buNone/>
              <a:defRPr sz="2800" b="0">
                <a:solidFill>
                  <a:schemeClr val="tx1"/>
                </a:solidFill>
                <a:latin typeface="KPN" panose="020B0504010101010104" pitchFamily="34" charset="0"/>
              </a:defRPr>
            </a:lvl1pPr>
            <a:lvl2pPr marL="457200" indent="0" algn="ctr">
              <a:buNone/>
              <a:defRPr sz="2000"/>
            </a:lvl2pPr>
            <a:lvl3pPr marL="914397" indent="0" algn="ctr">
              <a:buNone/>
              <a:defRPr sz="1800"/>
            </a:lvl3pPr>
            <a:lvl4pPr marL="1371594" indent="0" algn="ctr">
              <a:buNone/>
              <a:defRPr sz="1600"/>
            </a:lvl4pPr>
            <a:lvl5pPr marL="1828794" indent="0" algn="ctr">
              <a:buNone/>
              <a:defRPr sz="1600"/>
            </a:lvl5pPr>
            <a:lvl6pPr marL="2285994" indent="0" algn="ctr">
              <a:buNone/>
              <a:defRPr sz="1600"/>
            </a:lvl6pPr>
            <a:lvl7pPr marL="2743191" indent="0" algn="ctr">
              <a:buNone/>
              <a:defRPr sz="1600"/>
            </a:lvl7pPr>
            <a:lvl8pPr marL="3200391" indent="0" algn="ctr">
              <a:buNone/>
              <a:defRPr sz="1600"/>
            </a:lvl8pPr>
            <a:lvl9pPr marL="3657588" indent="0" algn="ctr">
              <a:buNone/>
              <a:defRPr sz="1600"/>
            </a:lvl9pPr>
          </a:lstStyle>
          <a:p>
            <a:r>
              <a:rPr lang="nl-NL" dirty="0"/>
              <a:t>Een omschrijving van de presentatie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89992304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t foto beeldvullend ">
    <p:bg bwMode="gray">
      <p:bgPr>
        <a:solidFill>
          <a:srgbClr val="1E1E1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Rectangle 19">
            <a:extLst>
              <a:ext uri="{FF2B5EF4-FFF2-40B4-BE49-F238E27FC236}">
                <a16:creationId xmlns:a16="http://schemas.microsoft.com/office/drawing/2014/main" id="{F2BFABBE-809C-3132-B75F-A5D5CCEA407F}"/>
              </a:ext>
            </a:extLst>
          </p:cNvPr>
          <p:cNvSpPr/>
          <p:nvPr userDrawn="1"/>
        </p:nvSpPr>
        <p:spPr>
          <a:xfrm>
            <a:off x="9833102" y="450737"/>
            <a:ext cx="1906503" cy="9144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sz="180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78092C96-F9AA-153F-1D50-60AFF810C5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2" y="4"/>
            <a:ext cx="12191998" cy="6857999"/>
          </a:xfrm>
          <a:custGeom>
            <a:avLst/>
            <a:gdLst>
              <a:gd name="connsiteX0" fmla="*/ 10226203 w 12191998"/>
              <a:gd name="connsiteY0" fmla="*/ 909039 h 6857999"/>
              <a:gd name="connsiteX1" fmla="*/ 10124737 w 12191998"/>
              <a:gd name="connsiteY1" fmla="*/ 923054 h 6857999"/>
              <a:gd name="connsiteX2" fmla="*/ 10137851 w 12191998"/>
              <a:gd name="connsiteY2" fmla="*/ 962395 h 6857999"/>
              <a:gd name="connsiteX3" fmla="*/ 10143424 w 12191998"/>
              <a:gd name="connsiteY3" fmla="*/ 961083 h 6857999"/>
              <a:gd name="connsiteX4" fmla="*/ 10314556 w 12191998"/>
              <a:gd name="connsiteY4" fmla="*/ 962395 h 6857999"/>
              <a:gd name="connsiteX5" fmla="*/ 10327669 w 12191998"/>
              <a:gd name="connsiteY5" fmla="*/ 923054 h 6857999"/>
              <a:gd name="connsiteX6" fmla="*/ 10226203 w 12191998"/>
              <a:gd name="connsiteY6" fmla="*/ 909039 h 6857999"/>
              <a:gd name="connsiteX7" fmla="*/ 10330619 w 12191998"/>
              <a:gd name="connsiteY7" fmla="*/ 800442 h 6857999"/>
              <a:gd name="connsiteX8" fmla="*/ 10327341 w 12191998"/>
              <a:gd name="connsiteY8" fmla="*/ 832570 h 6857999"/>
              <a:gd name="connsiteX9" fmla="*/ 10332587 w 12191998"/>
              <a:gd name="connsiteY9" fmla="*/ 833553 h 6857999"/>
              <a:gd name="connsiteX10" fmla="*/ 10340127 w 12191998"/>
              <a:gd name="connsiteY10" fmla="*/ 840766 h 6857999"/>
              <a:gd name="connsiteX11" fmla="*/ 10306032 w 12191998"/>
              <a:gd name="connsiteY11" fmla="*/ 883713 h 6857999"/>
              <a:gd name="connsiteX12" fmla="*/ 10299147 w 12191998"/>
              <a:gd name="connsiteY12" fmla="*/ 890597 h 6857999"/>
              <a:gd name="connsiteX13" fmla="*/ 10340127 w 12191998"/>
              <a:gd name="connsiteY13" fmla="*/ 901088 h 6857999"/>
              <a:gd name="connsiteX14" fmla="*/ 10380451 w 12191998"/>
              <a:gd name="connsiteY14" fmla="*/ 838143 h 6857999"/>
              <a:gd name="connsiteX15" fmla="*/ 10330619 w 12191998"/>
              <a:gd name="connsiteY15" fmla="*/ 800442 h 6857999"/>
              <a:gd name="connsiteX16" fmla="*/ 10117197 w 12191998"/>
              <a:gd name="connsiteY16" fmla="*/ 800115 h 6857999"/>
              <a:gd name="connsiteX17" fmla="*/ 10072283 w 12191998"/>
              <a:gd name="connsiteY17" fmla="*/ 838144 h 6857999"/>
              <a:gd name="connsiteX18" fmla="*/ 10112607 w 12191998"/>
              <a:gd name="connsiteY18" fmla="*/ 901089 h 6857999"/>
              <a:gd name="connsiteX19" fmla="*/ 10153587 w 12191998"/>
              <a:gd name="connsiteY19" fmla="*/ 890598 h 6857999"/>
              <a:gd name="connsiteX20" fmla="*/ 10112607 w 12191998"/>
              <a:gd name="connsiteY20" fmla="*/ 840439 h 6857999"/>
              <a:gd name="connsiteX21" fmla="*/ 10120148 w 12191998"/>
              <a:gd name="connsiteY21" fmla="*/ 833227 h 6857999"/>
              <a:gd name="connsiteX22" fmla="*/ 10125393 w 12191998"/>
              <a:gd name="connsiteY22" fmla="*/ 832243 h 6857999"/>
              <a:gd name="connsiteX23" fmla="*/ 10122115 w 12191998"/>
              <a:gd name="connsiteY23" fmla="*/ 800115 h 6857999"/>
              <a:gd name="connsiteX24" fmla="*/ 9983438 w 12191998"/>
              <a:gd name="connsiteY24" fmla="*/ 780443 h 6857999"/>
              <a:gd name="connsiteX25" fmla="*/ 9927378 w 12191998"/>
              <a:gd name="connsiteY25" fmla="*/ 885679 h 6857999"/>
              <a:gd name="connsiteX26" fmla="*/ 9975898 w 12191998"/>
              <a:gd name="connsiteY26" fmla="*/ 983703 h 6857999"/>
              <a:gd name="connsiteX27" fmla="*/ 10290295 w 12191998"/>
              <a:gd name="connsiteY27" fmla="*/ 1050254 h 6857999"/>
              <a:gd name="connsiteX28" fmla="*/ 10255217 w 12191998"/>
              <a:gd name="connsiteY28" fmla="*/ 1014520 h 6857999"/>
              <a:gd name="connsiteX29" fmla="*/ 10008682 w 12191998"/>
              <a:gd name="connsiteY29" fmla="*/ 950591 h 6857999"/>
              <a:gd name="connsiteX30" fmla="*/ 9973931 w 12191998"/>
              <a:gd name="connsiteY30" fmla="*/ 885679 h 6857999"/>
              <a:gd name="connsiteX31" fmla="*/ 10000814 w 12191998"/>
              <a:gd name="connsiteY31" fmla="*/ 825357 h 6857999"/>
              <a:gd name="connsiteX32" fmla="*/ 9983438 w 12191998"/>
              <a:gd name="connsiteY32" fmla="*/ 780443 h 6857999"/>
              <a:gd name="connsiteX33" fmla="*/ 11075582 w 12191998"/>
              <a:gd name="connsiteY33" fmla="*/ 762188 h 6857999"/>
              <a:gd name="connsiteX34" fmla="*/ 11141693 w 12191998"/>
              <a:gd name="connsiteY34" fmla="*/ 839455 h 6857999"/>
              <a:gd name="connsiteX35" fmla="*/ 11075797 w 12191998"/>
              <a:gd name="connsiteY35" fmla="*/ 920103 h 6857999"/>
              <a:gd name="connsiteX36" fmla="*/ 11037440 w 12191998"/>
              <a:gd name="connsiteY36" fmla="*/ 914202 h 6857999"/>
              <a:gd name="connsiteX37" fmla="*/ 11037440 w 12191998"/>
              <a:gd name="connsiteY37" fmla="*/ 770609 h 6857999"/>
              <a:gd name="connsiteX38" fmla="*/ 11075582 w 12191998"/>
              <a:gd name="connsiteY38" fmla="*/ 762188 h 6857999"/>
              <a:gd name="connsiteX39" fmla="*/ 10186652 w 12191998"/>
              <a:gd name="connsiteY39" fmla="*/ 755323 h 6857999"/>
              <a:gd name="connsiteX40" fmla="*/ 10142440 w 12191998"/>
              <a:gd name="connsiteY40" fmla="*/ 801426 h 6857999"/>
              <a:gd name="connsiteX41" fmla="*/ 10174241 w 12191998"/>
              <a:gd name="connsiteY41" fmla="*/ 889615 h 6857999"/>
              <a:gd name="connsiteX42" fmla="*/ 10217187 w 12191998"/>
              <a:gd name="connsiteY42" fmla="*/ 886336 h 6857999"/>
              <a:gd name="connsiteX43" fmla="*/ 10213253 w 12191998"/>
              <a:gd name="connsiteY43" fmla="*/ 879124 h 6857999"/>
              <a:gd name="connsiteX44" fmla="*/ 10184731 w 12191998"/>
              <a:gd name="connsiteY44" fmla="*/ 809622 h 6857999"/>
              <a:gd name="connsiteX45" fmla="*/ 10212598 w 12191998"/>
              <a:gd name="connsiteY45" fmla="*/ 795197 h 6857999"/>
              <a:gd name="connsiteX46" fmla="*/ 10212598 w 12191998"/>
              <a:gd name="connsiteY46" fmla="*/ 759463 h 6857999"/>
              <a:gd name="connsiteX47" fmla="*/ 10186652 w 12191998"/>
              <a:gd name="connsiteY47" fmla="*/ 755323 h 6857999"/>
              <a:gd name="connsiteX48" fmla="*/ 10265760 w 12191998"/>
              <a:gd name="connsiteY48" fmla="*/ 754857 h 6857999"/>
              <a:gd name="connsiteX49" fmla="*/ 10239809 w 12191998"/>
              <a:gd name="connsiteY49" fmla="*/ 758806 h 6857999"/>
              <a:gd name="connsiteX50" fmla="*/ 10239809 w 12191998"/>
              <a:gd name="connsiteY50" fmla="*/ 794542 h 6857999"/>
              <a:gd name="connsiteX51" fmla="*/ 10267675 w 12191998"/>
              <a:gd name="connsiteY51" fmla="*/ 808966 h 6857999"/>
              <a:gd name="connsiteX52" fmla="*/ 10239153 w 12191998"/>
              <a:gd name="connsiteY52" fmla="*/ 878468 h 6857999"/>
              <a:gd name="connsiteX53" fmla="*/ 10235547 w 12191998"/>
              <a:gd name="connsiteY53" fmla="*/ 886009 h 6857999"/>
              <a:gd name="connsiteX54" fmla="*/ 10278494 w 12191998"/>
              <a:gd name="connsiteY54" fmla="*/ 889287 h 6857999"/>
              <a:gd name="connsiteX55" fmla="*/ 10310294 w 12191998"/>
              <a:gd name="connsiteY55" fmla="*/ 801098 h 6857999"/>
              <a:gd name="connsiteX56" fmla="*/ 10265760 w 12191998"/>
              <a:gd name="connsiteY56" fmla="*/ 754857 h 6857999"/>
              <a:gd name="connsiteX57" fmla="*/ 11432813 w 12191998"/>
              <a:gd name="connsiteY57" fmla="*/ 698485 h 6857999"/>
              <a:gd name="connsiteX58" fmla="*/ 11301350 w 12191998"/>
              <a:gd name="connsiteY58" fmla="*/ 723073 h 6857999"/>
              <a:gd name="connsiteX59" fmla="*/ 11301350 w 12191998"/>
              <a:gd name="connsiteY59" fmla="*/ 978131 h 6857999"/>
              <a:gd name="connsiteX60" fmla="*/ 11386916 w 12191998"/>
              <a:gd name="connsiteY60" fmla="*/ 978131 h 6857999"/>
              <a:gd name="connsiteX61" fmla="*/ 11386916 w 12191998"/>
              <a:gd name="connsiteY61" fmla="*/ 773232 h 6857999"/>
              <a:gd name="connsiteX62" fmla="*/ 11430846 w 12191998"/>
              <a:gd name="connsiteY62" fmla="*/ 764708 h 6857999"/>
              <a:gd name="connsiteX63" fmla="*/ 11485923 w 12191998"/>
              <a:gd name="connsiteY63" fmla="*/ 845029 h 6857999"/>
              <a:gd name="connsiteX64" fmla="*/ 11485923 w 12191998"/>
              <a:gd name="connsiteY64" fmla="*/ 978131 h 6857999"/>
              <a:gd name="connsiteX65" fmla="*/ 11571489 w 12191998"/>
              <a:gd name="connsiteY65" fmla="*/ 978131 h 6857999"/>
              <a:gd name="connsiteX66" fmla="*/ 11571489 w 12191998"/>
              <a:gd name="connsiteY66" fmla="*/ 832571 h 6857999"/>
              <a:gd name="connsiteX67" fmla="*/ 11432813 w 12191998"/>
              <a:gd name="connsiteY67" fmla="*/ 698485 h 6857999"/>
              <a:gd name="connsiteX68" fmla="*/ 11080059 w 12191998"/>
              <a:gd name="connsiteY68" fmla="*/ 697173 h 6857999"/>
              <a:gd name="connsiteX69" fmla="*/ 10951874 w 12191998"/>
              <a:gd name="connsiteY69" fmla="*/ 721761 h 6857999"/>
              <a:gd name="connsiteX70" fmla="*/ 10951874 w 12191998"/>
              <a:gd name="connsiteY70" fmla="*/ 1082056 h 6857999"/>
              <a:gd name="connsiteX71" fmla="*/ 11037440 w 12191998"/>
              <a:gd name="connsiteY71" fmla="*/ 1082056 h 6857999"/>
              <a:gd name="connsiteX72" fmla="*/ 11037440 w 12191998"/>
              <a:gd name="connsiteY72" fmla="*/ 979114 h 6857999"/>
              <a:gd name="connsiteX73" fmla="*/ 11229881 w 12191998"/>
              <a:gd name="connsiteY73" fmla="*/ 839127 h 6857999"/>
              <a:gd name="connsiteX74" fmla="*/ 11080059 w 12191998"/>
              <a:gd name="connsiteY74" fmla="*/ 697173 h 6857999"/>
              <a:gd name="connsiteX75" fmla="*/ 10365371 w 12191998"/>
              <a:gd name="connsiteY75" fmla="*/ 689304 h 6857999"/>
              <a:gd name="connsiteX76" fmla="*/ 10321440 w 12191998"/>
              <a:gd name="connsiteY76" fmla="*/ 693238 h 6857999"/>
              <a:gd name="connsiteX77" fmla="*/ 10333898 w 12191998"/>
              <a:gd name="connsiteY77" fmla="*/ 739136 h 6857999"/>
              <a:gd name="connsiteX78" fmla="*/ 10365371 w 12191998"/>
              <a:gd name="connsiteY78" fmla="*/ 736513 h 6857999"/>
              <a:gd name="connsiteX79" fmla="*/ 10463067 w 12191998"/>
              <a:gd name="connsiteY79" fmla="*/ 812900 h 6857999"/>
              <a:gd name="connsiteX80" fmla="*/ 10439134 w 12191998"/>
              <a:gd name="connsiteY80" fmla="*/ 893876 h 6857999"/>
              <a:gd name="connsiteX81" fmla="*/ 10416186 w 12191998"/>
              <a:gd name="connsiteY81" fmla="*/ 961083 h 6857999"/>
              <a:gd name="connsiteX82" fmla="*/ 10313572 w 12191998"/>
              <a:gd name="connsiteY82" fmla="*/ 1070253 h 6857999"/>
              <a:gd name="connsiteX83" fmla="*/ 10263085 w 12191998"/>
              <a:gd name="connsiteY83" fmla="*/ 1090251 h 6857999"/>
              <a:gd name="connsiteX84" fmla="*/ 10344061 w 12191998"/>
              <a:gd name="connsiteY84" fmla="*/ 1126641 h 6857999"/>
              <a:gd name="connsiteX85" fmla="*/ 10461427 w 12191998"/>
              <a:gd name="connsiteY85" fmla="*/ 972229 h 6857999"/>
              <a:gd name="connsiteX86" fmla="*/ 10509620 w 12191998"/>
              <a:gd name="connsiteY86" fmla="*/ 812572 h 6857999"/>
              <a:gd name="connsiteX87" fmla="*/ 10365371 w 12191998"/>
              <a:gd name="connsiteY87" fmla="*/ 689304 h 6857999"/>
              <a:gd name="connsiteX88" fmla="*/ 10226367 w 12191998"/>
              <a:gd name="connsiteY88" fmla="*/ 677175 h 6857999"/>
              <a:gd name="connsiteX89" fmla="*/ 10194567 w 12191998"/>
              <a:gd name="connsiteY89" fmla="*/ 710287 h 6857999"/>
              <a:gd name="connsiteX90" fmla="*/ 10226367 w 12191998"/>
              <a:gd name="connsiteY90" fmla="*/ 743398 h 6857999"/>
              <a:gd name="connsiteX91" fmla="*/ 10258168 w 12191998"/>
              <a:gd name="connsiteY91" fmla="*/ 710287 h 6857999"/>
              <a:gd name="connsiteX92" fmla="*/ 10615184 w 12191998"/>
              <a:gd name="connsiteY92" fmla="*/ 602100 h 6857999"/>
              <a:gd name="connsiteX93" fmla="*/ 10615184 w 12191998"/>
              <a:gd name="connsiteY93" fmla="*/ 976820 h 6857999"/>
              <a:gd name="connsiteX94" fmla="*/ 10700750 w 12191998"/>
              <a:gd name="connsiteY94" fmla="*/ 976820 h 6857999"/>
              <a:gd name="connsiteX95" fmla="*/ 10700750 w 12191998"/>
              <a:gd name="connsiteY95" fmla="*/ 829292 h 6857999"/>
              <a:gd name="connsiteX96" fmla="*/ 10798774 w 12191998"/>
              <a:gd name="connsiteY96" fmla="*/ 976819 h 6857999"/>
              <a:gd name="connsiteX97" fmla="*/ 10900076 w 12191998"/>
              <a:gd name="connsiteY97" fmla="*/ 976819 h 6857999"/>
              <a:gd name="connsiteX98" fmla="*/ 10793856 w 12191998"/>
              <a:gd name="connsiteY98" fmla="*/ 826341 h 6857999"/>
              <a:gd name="connsiteX99" fmla="*/ 10891224 w 12191998"/>
              <a:gd name="connsiteY99" fmla="*/ 707008 h 6857999"/>
              <a:gd name="connsiteX100" fmla="*/ 10793856 w 12191998"/>
              <a:gd name="connsiteY100" fmla="*/ 707008 h 6857999"/>
              <a:gd name="connsiteX101" fmla="*/ 10700750 w 12191998"/>
              <a:gd name="connsiteY101" fmla="*/ 829292 h 6857999"/>
              <a:gd name="connsiteX102" fmla="*/ 10700750 w 12191998"/>
              <a:gd name="connsiteY102" fmla="*/ 602100 h 6857999"/>
              <a:gd name="connsiteX103" fmla="*/ 10129326 w 12191998"/>
              <a:gd name="connsiteY103" fmla="*/ 499486 h 6857999"/>
              <a:gd name="connsiteX104" fmla="*/ 9993929 w 12191998"/>
              <a:gd name="connsiteY104" fmla="*/ 689960 h 6857999"/>
              <a:gd name="connsiteX105" fmla="*/ 10023762 w 12191998"/>
              <a:gd name="connsiteY105" fmla="*/ 807654 h 6857999"/>
              <a:gd name="connsiteX106" fmla="*/ 10064414 w 12191998"/>
              <a:gd name="connsiteY106" fmla="*/ 783394 h 6857999"/>
              <a:gd name="connsiteX107" fmla="*/ 10040810 w 12191998"/>
              <a:gd name="connsiteY107" fmla="*/ 689960 h 6857999"/>
              <a:gd name="connsiteX108" fmla="*/ 10076872 w 12191998"/>
              <a:gd name="connsiteY108" fmla="*/ 568332 h 6857999"/>
              <a:gd name="connsiteX109" fmla="*/ 10307343 w 12191998"/>
              <a:gd name="connsiteY109" fmla="*/ 666684 h 6857999"/>
              <a:gd name="connsiteX110" fmla="*/ 10359797 w 12191998"/>
              <a:gd name="connsiteY110" fmla="*/ 661110 h 6857999"/>
              <a:gd name="connsiteX111" fmla="*/ 10129326 w 12191998"/>
              <a:gd name="connsiteY111" fmla="*/ 499486 h 6857999"/>
              <a:gd name="connsiteX112" fmla="*/ 0 w 12191998"/>
              <a:gd name="connsiteY112" fmla="*/ 0 h 6857999"/>
              <a:gd name="connsiteX113" fmla="*/ 12191998 w 12191998"/>
              <a:gd name="connsiteY113" fmla="*/ 0 h 6857999"/>
              <a:gd name="connsiteX114" fmla="*/ 12191998 w 12191998"/>
              <a:gd name="connsiteY114" fmla="*/ 6857999 h 6857999"/>
              <a:gd name="connsiteX115" fmla="*/ 0 w 12191998"/>
              <a:gd name="connsiteY115" fmla="*/ 685799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</a:cxnLst>
            <a:rect l="l" t="t" r="r" b="b"/>
            <a:pathLst>
              <a:path w="12191998" h="6857999">
                <a:moveTo>
                  <a:pt x="10226203" y="909039"/>
                </a:moveTo>
                <a:cubicBezTo>
                  <a:pt x="10191780" y="909039"/>
                  <a:pt x="10157357" y="913710"/>
                  <a:pt x="10124737" y="923054"/>
                </a:cubicBezTo>
                <a:lnTo>
                  <a:pt x="10137851" y="962395"/>
                </a:lnTo>
                <a:lnTo>
                  <a:pt x="10143424" y="961083"/>
                </a:lnTo>
                <a:cubicBezTo>
                  <a:pt x="10198829" y="946003"/>
                  <a:pt x="10259151" y="946658"/>
                  <a:pt x="10314556" y="962395"/>
                </a:cubicBezTo>
                <a:lnTo>
                  <a:pt x="10327669" y="923054"/>
                </a:lnTo>
                <a:cubicBezTo>
                  <a:pt x="10295049" y="913710"/>
                  <a:pt x="10260626" y="909039"/>
                  <a:pt x="10226203" y="909039"/>
                </a:cubicBezTo>
                <a:close/>
                <a:moveTo>
                  <a:pt x="10330619" y="800442"/>
                </a:moveTo>
                <a:cubicBezTo>
                  <a:pt x="10331275" y="810932"/>
                  <a:pt x="10329964" y="821751"/>
                  <a:pt x="10327341" y="832570"/>
                </a:cubicBezTo>
                <a:lnTo>
                  <a:pt x="10332587" y="833553"/>
                </a:lnTo>
                <a:cubicBezTo>
                  <a:pt x="10340127" y="834865"/>
                  <a:pt x="10340127" y="839127"/>
                  <a:pt x="10340127" y="840766"/>
                </a:cubicBezTo>
                <a:cubicBezTo>
                  <a:pt x="10340127" y="847650"/>
                  <a:pt x="10335209" y="855518"/>
                  <a:pt x="10306032" y="883713"/>
                </a:cubicBezTo>
                <a:lnTo>
                  <a:pt x="10299147" y="890597"/>
                </a:lnTo>
                <a:cubicBezTo>
                  <a:pt x="10312916" y="893220"/>
                  <a:pt x="10327341" y="896826"/>
                  <a:pt x="10340127" y="901088"/>
                </a:cubicBezTo>
                <a:cubicBezTo>
                  <a:pt x="10371271" y="874205"/>
                  <a:pt x="10381434" y="854535"/>
                  <a:pt x="10380451" y="838143"/>
                </a:cubicBezTo>
                <a:cubicBezTo>
                  <a:pt x="10380779" y="812899"/>
                  <a:pt x="10357502" y="797819"/>
                  <a:pt x="10330619" y="800442"/>
                </a:cubicBezTo>
                <a:close/>
                <a:moveTo>
                  <a:pt x="10117197" y="800115"/>
                </a:moveTo>
                <a:cubicBezTo>
                  <a:pt x="10091626" y="799131"/>
                  <a:pt x="10072283" y="815195"/>
                  <a:pt x="10072283" y="838144"/>
                </a:cubicBezTo>
                <a:cubicBezTo>
                  <a:pt x="10071300" y="854536"/>
                  <a:pt x="10081463" y="874206"/>
                  <a:pt x="10112607" y="901089"/>
                </a:cubicBezTo>
                <a:cubicBezTo>
                  <a:pt x="10125393" y="896827"/>
                  <a:pt x="10139818" y="893549"/>
                  <a:pt x="10153587" y="890598"/>
                </a:cubicBezTo>
                <a:cubicBezTo>
                  <a:pt x="10128999" y="867322"/>
                  <a:pt x="10110640" y="847979"/>
                  <a:pt x="10112607" y="840439"/>
                </a:cubicBezTo>
                <a:cubicBezTo>
                  <a:pt x="10112607" y="838800"/>
                  <a:pt x="10112607" y="834866"/>
                  <a:pt x="10120148" y="833227"/>
                </a:cubicBezTo>
                <a:lnTo>
                  <a:pt x="10125393" y="832243"/>
                </a:lnTo>
                <a:cubicBezTo>
                  <a:pt x="10122443" y="821424"/>
                  <a:pt x="10121131" y="810606"/>
                  <a:pt x="10122115" y="800115"/>
                </a:cubicBezTo>
                <a:close/>
                <a:moveTo>
                  <a:pt x="9983438" y="780443"/>
                </a:moveTo>
                <a:cubicBezTo>
                  <a:pt x="9946393" y="804703"/>
                  <a:pt x="9927378" y="840437"/>
                  <a:pt x="9927378" y="885679"/>
                </a:cubicBezTo>
                <a:cubicBezTo>
                  <a:pt x="9927378" y="917480"/>
                  <a:pt x="9944426" y="952230"/>
                  <a:pt x="9975898" y="983703"/>
                </a:cubicBezTo>
                <a:cubicBezTo>
                  <a:pt x="10037532" y="1048615"/>
                  <a:pt x="10182764" y="1105659"/>
                  <a:pt x="10290295" y="1050254"/>
                </a:cubicBezTo>
                <a:cubicBezTo>
                  <a:pt x="10278493" y="1038780"/>
                  <a:pt x="10266691" y="1026978"/>
                  <a:pt x="10255217" y="1014520"/>
                </a:cubicBezTo>
                <a:cubicBezTo>
                  <a:pt x="10172601" y="1045665"/>
                  <a:pt x="10069004" y="1009274"/>
                  <a:pt x="10008682" y="950591"/>
                </a:cubicBezTo>
                <a:cubicBezTo>
                  <a:pt x="9987045" y="928954"/>
                  <a:pt x="9973931" y="904694"/>
                  <a:pt x="9973931" y="885679"/>
                </a:cubicBezTo>
                <a:cubicBezTo>
                  <a:pt x="9973931" y="859124"/>
                  <a:pt x="9982455" y="840110"/>
                  <a:pt x="10000814" y="825357"/>
                </a:cubicBezTo>
                <a:cubicBezTo>
                  <a:pt x="9994913" y="810932"/>
                  <a:pt x="9988684" y="795524"/>
                  <a:pt x="9983438" y="780443"/>
                </a:cubicBezTo>
                <a:close/>
                <a:moveTo>
                  <a:pt x="11075582" y="762188"/>
                </a:moveTo>
                <a:cubicBezTo>
                  <a:pt x="11112372" y="761020"/>
                  <a:pt x="11142430" y="782903"/>
                  <a:pt x="11141693" y="839455"/>
                </a:cubicBezTo>
                <a:cubicBezTo>
                  <a:pt x="11141365" y="891581"/>
                  <a:pt x="11122022" y="920103"/>
                  <a:pt x="11075797" y="920103"/>
                </a:cubicBezTo>
                <a:cubicBezTo>
                  <a:pt x="11062683" y="920103"/>
                  <a:pt x="11045964" y="917481"/>
                  <a:pt x="11037440" y="914202"/>
                </a:cubicBezTo>
                <a:lnTo>
                  <a:pt x="11037440" y="770609"/>
                </a:lnTo>
                <a:cubicBezTo>
                  <a:pt x="11050308" y="765527"/>
                  <a:pt x="11063319" y="762577"/>
                  <a:pt x="11075582" y="762188"/>
                </a:cubicBezTo>
                <a:close/>
                <a:moveTo>
                  <a:pt x="10186652" y="755323"/>
                </a:moveTo>
                <a:cubicBezTo>
                  <a:pt x="10162602" y="757044"/>
                  <a:pt x="10145145" y="775362"/>
                  <a:pt x="10142440" y="801426"/>
                </a:cubicBezTo>
                <a:cubicBezTo>
                  <a:pt x="10139490" y="823063"/>
                  <a:pt x="10151292" y="853552"/>
                  <a:pt x="10174241" y="889615"/>
                </a:cubicBezTo>
                <a:cubicBezTo>
                  <a:pt x="10188993" y="887320"/>
                  <a:pt x="10203090" y="886336"/>
                  <a:pt x="10217187" y="886336"/>
                </a:cubicBezTo>
                <a:lnTo>
                  <a:pt x="10213253" y="879124"/>
                </a:lnTo>
                <a:cubicBezTo>
                  <a:pt x="10189321" y="833226"/>
                  <a:pt x="10184731" y="819129"/>
                  <a:pt x="10184731" y="809622"/>
                </a:cubicBezTo>
                <a:cubicBezTo>
                  <a:pt x="10184076" y="794869"/>
                  <a:pt x="10196534" y="793558"/>
                  <a:pt x="10212598" y="795197"/>
                </a:cubicBezTo>
                <a:lnTo>
                  <a:pt x="10212598" y="759463"/>
                </a:lnTo>
                <a:cubicBezTo>
                  <a:pt x="10203418" y="756020"/>
                  <a:pt x="10194669" y="754750"/>
                  <a:pt x="10186652" y="755323"/>
                </a:cubicBezTo>
                <a:close/>
                <a:moveTo>
                  <a:pt x="10265760" y="754857"/>
                </a:moveTo>
                <a:cubicBezTo>
                  <a:pt x="10257738" y="754237"/>
                  <a:pt x="10248989" y="755446"/>
                  <a:pt x="10239809" y="758806"/>
                </a:cubicBezTo>
                <a:lnTo>
                  <a:pt x="10239809" y="794542"/>
                </a:lnTo>
                <a:cubicBezTo>
                  <a:pt x="10255545" y="792902"/>
                  <a:pt x="10268003" y="794213"/>
                  <a:pt x="10267675" y="808966"/>
                </a:cubicBezTo>
                <a:cubicBezTo>
                  <a:pt x="10267675" y="818802"/>
                  <a:pt x="10263085" y="832570"/>
                  <a:pt x="10239153" y="878468"/>
                </a:cubicBezTo>
                <a:lnTo>
                  <a:pt x="10235547" y="886009"/>
                </a:lnTo>
                <a:cubicBezTo>
                  <a:pt x="10249644" y="886336"/>
                  <a:pt x="10263741" y="887320"/>
                  <a:pt x="10278494" y="889287"/>
                </a:cubicBezTo>
                <a:cubicBezTo>
                  <a:pt x="10301443" y="853224"/>
                  <a:pt x="10313245" y="822736"/>
                  <a:pt x="10310294" y="801098"/>
                </a:cubicBezTo>
                <a:cubicBezTo>
                  <a:pt x="10307344" y="775035"/>
                  <a:pt x="10289825" y="756717"/>
                  <a:pt x="10265760" y="754857"/>
                </a:cubicBezTo>
                <a:close/>
                <a:moveTo>
                  <a:pt x="11432813" y="698485"/>
                </a:moveTo>
                <a:cubicBezTo>
                  <a:pt x="11381998" y="698485"/>
                  <a:pt x="11339707" y="707664"/>
                  <a:pt x="11301350" y="723073"/>
                </a:cubicBezTo>
                <a:lnTo>
                  <a:pt x="11301350" y="978131"/>
                </a:lnTo>
                <a:lnTo>
                  <a:pt x="11386916" y="978131"/>
                </a:lnTo>
                <a:lnTo>
                  <a:pt x="11386916" y="773232"/>
                </a:lnTo>
                <a:cubicBezTo>
                  <a:pt x="11399374" y="767659"/>
                  <a:pt x="11414782" y="764708"/>
                  <a:pt x="11430846" y="764708"/>
                </a:cubicBezTo>
                <a:cubicBezTo>
                  <a:pt x="11477072" y="764708"/>
                  <a:pt x="11485923" y="792903"/>
                  <a:pt x="11485923" y="845029"/>
                </a:cubicBezTo>
                <a:lnTo>
                  <a:pt x="11485923" y="978131"/>
                </a:lnTo>
                <a:lnTo>
                  <a:pt x="11571489" y="978131"/>
                </a:lnTo>
                <a:lnTo>
                  <a:pt x="11571489" y="832571"/>
                </a:lnTo>
                <a:cubicBezTo>
                  <a:pt x="11571817" y="750939"/>
                  <a:pt x="11544606" y="698485"/>
                  <a:pt x="11432813" y="698485"/>
                </a:cubicBezTo>
                <a:close/>
                <a:moveTo>
                  <a:pt x="11080059" y="697173"/>
                </a:moveTo>
                <a:cubicBezTo>
                  <a:pt x="11034817" y="697173"/>
                  <a:pt x="10987608" y="707008"/>
                  <a:pt x="10951874" y="721761"/>
                </a:cubicBezTo>
                <a:lnTo>
                  <a:pt x="10951874" y="1082056"/>
                </a:lnTo>
                <a:lnTo>
                  <a:pt x="11037440" y="1082056"/>
                </a:lnTo>
                <a:lnTo>
                  <a:pt x="11037440" y="979114"/>
                </a:lnTo>
                <a:cubicBezTo>
                  <a:pt x="11144971" y="998785"/>
                  <a:pt x="11231520" y="954198"/>
                  <a:pt x="11229881" y="839127"/>
                </a:cubicBezTo>
                <a:cubicBezTo>
                  <a:pt x="11229553" y="747988"/>
                  <a:pt x="11181033" y="697173"/>
                  <a:pt x="11080059" y="697173"/>
                </a:cubicBezTo>
                <a:close/>
                <a:moveTo>
                  <a:pt x="10365371" y="689304"/>
                </a:moveTo>
                <a:cubicBezTo>
                  <a:pt x="10338816" y="689304"/>
                  <a:pt x="10321440" y="693238"/>
                  <a:pt x="10321440" y="693238"/>
                </a:cubicBezTo>
                <a:cubicBezTo>
                  <a:pt x="10327341" y="707008"/>
                  <a:pt x="10331603" y="722744"/>
                  <a:pt x="10333898" y="739136"/>
                </a:cubicBezTo>
                <a:cubicBezTo>
                  <a:pt x="10344389" y="737824"/>
                  <a:pt x="10355208" y="736513"/>
                  <a:pt x="10365371" y="736513"/>
                </a:cubicBezTo>
                <a:cubicBezTo>
                  <a:pt x="10424709" y="736185"/>
                  <a:pt x="10461755" y="770281"/>
                  <a:pt x="10463067" y="812900"/>
                </a:cubicBezTo>
                <a:cubicBezTo>
                  <a:pt x="10463067" y="835520"/>
                  <a:pt x="10450936" y="865354"/>
                  <a:pt x="10439134" y="893876"/>
                </a:cubicBezTo>
                <a:cubicBezTo>
                  <a:pt x="10433233" y="908628"/>
                  <a:pt x="10422087" y="936823"/>
                  <a:pt x="10416186" y="961083"/>
                </a:cubicBezTo>
                <a:cubicBezTo>
                  <a:pt x="10406350" y="1001407"/>
                  <a:pt x="10377829" y="1113528"/>
                  <a:pt x="10313572" y="1070253"/>
                </a:cubicBezTo>
                <a:cubicBezTo>
                  <a:pt x="10298819" y="1076810"/>
                  <a:pt x="10278493" y="1085989"/>
                  <a:pt x="10263085" y="1090251"/>
                </a:cubicBezTo>
                <a:cubicBezTo>
                  <a:pt x="10293574" y="1117462"/>
                  <a:pt x="10314556" y="1126641"/>
                  <a:pt x="10344061" y="1126641"/>
                </a:cubicBezTo>
                <a:cubicBezTo>
                  <a:pt x="10423726" y="1126641"/>
                  <a:pt x="10450936" y="1014520"/>
                  <a:pt x="10461427" y="972229"/>
                </a:cubicBezTo>
                <a:cubicBezTo>
                  <a:pt x="10471590" y="926332"/>
                  <a:pt x="10510275" y="862075"/>
                  <a:pt x="10509620" y="812572"/>
                </a:cubicBezTo>
                <a:cubicBezTo>
                  <a:pt x="10508964" y="738808"/>
                  <a:pt x="10441101" y="687009"/>
                  <a:pt x="10365371" y="689304"/>
                </a:cubicBezTo>
                <a:close/>
                <a:moveTo>
                  <a:pt x="10226367" y="677175"/>
                </a:moveTo>
                <a:lnTo>
                  <a:pt x="10194567" y="710287"/>
                </a:lnTo>
                <a:lnTo>
                  <a:pt x="10226367" y="743398"/>
                </a:lnTo>
                <a:lnTo>
                  <a:pt x="10258168" y="710287"/>
                </a:lnTo>
                <a:close/>
                <a:moveTo>
                  <a:pt x="10615184" y="602100"/>
                </a:moveTo>
                <a:lnTo>
                  <a:pt x="10615184" y="976820"/>
                </a:lnTo>
                <a:lnTo>
                  <a:pt x="10700750" y="976820"/>
                </a:lnTo>
                <a:lnTo>
                  <a:pt x="10700750" y="829292"/>
                </a:lnTo>
                <a:lnTo>
                  <a:pt x="10798774" y="976819"/>
                </a:lnTo>
                <a:lnTo>
                  <a:pt x="10900076" y="976819"/>
                </a:lnTo>
                <a:lnTo>
                  <a:pt x="10793856" y="826341"/>
                </a:lnTo>
                <a:lnTo>
                  <a:pt x="10891224" y="707008"/>
                </a:lnTo>
                <a:lnTo>
                  <a:pt x="10793856" y="707008"/>
                </a:lnTo>
                <a:lnTo>
                  <a:pt x="10700750" y="829292"/>
                </a:lnTo>
                <a:lnTo>
                  <a:pt x="10700750" y="602100"/>
                </a:lnTo>
                <a:close/>
                <a:moveTo>
                  <a:pt x="10129326" y="499486"/>
                </a:moveTo>
                <a:cubicBezTo>
                  <a:pt x="10035892" y="499486"/>
                  <a:pt x="9993929" y="595215"/>
                  <a:pt x="9993929" y="689960"/>
                </a:cubicBezTo>
                <a:cubicBezTo>
                  <a:pt x="9994257" y="735202"/>
                  <a:pt x="10009337" y="772248"/>
                  <a:pt x="10023762" y="807654"/>
                </a:cubicBezTo>
                <a:cubicBezTo>
                  <a:pt x="10030975" y="803065"/>
                  <a:pt x="10046383" y="792902"/>
                  <a:pt x="10064414" y="783394"/>
                </a:cubicBezTo>
                <a:cubicBezTo>
                  <a:pt x="10049006" y="747004"/>
                  <a:pt x="10040482" y="714876"/>
                  <a:pt x="10040810" y="689960"/>
                </a:cubicBezTo>
                <a:cubicBezTo>
                  <a:pt x="10040810" y="635539"/>
                  <a:pt x="10053923" y="591281"/>
                  <a:pt x="10076872" y="568332"/>
                </a:cubicBezTo>
                <a:cubicBezTo>
                  <a:pt x="10136867" y="508010"/>
                  <a:pt x="10253905" y="585052"/>
                  <a:pt x="10307343" y="666684"/>
                </a:cubicBezTo>
                <a:cubicBezTo>
                  <a:pt x="10323735" y="664389"/>
                  <a:pt x="10343077" y="661110"/>
                  <a:pt x="10359797" y="661110"/>
                </a:cubicBezTo>
                <a:cubicBezTo>
                  <a:pt x="10306359" y="564726"/>
                  <a:pt x="10197517" y="499486"/>
                  <a:pt x="10129326" y="499486"/>
                </a:cubicBezTo>
                <a:close/>
                <a:moveTo>
                  <a:pt x="0" y="0"/>
                </a:moveTo>
                <a:lnTo>
                  <a:pt x="12191998" y="0"/>
                </a:lnTo>
                <a:lnTo>
                  <a:pt x="12191998" y="6857999"/>
                </a:lnTo>
                <a:lnTo>
                  <a:pt x="0" y="6857999"/>
                </a:lnTo>
                <a:close/>
              </a:path>
            </a:pathLst>
          </a:custGeom>
          <a:solidFill>
            <a:srgbClr val="414141"/>
          </a:solidFill>
        </p:spPr>
        <p:txBody>
          <a:bodyPr wrap="square" lIns="6408000" tIns="0" rIns="360000" numCol="1" anchor="ctr" anchorCtr="0">
            <a:noAutofit/>
          </a:bodyPr>
          <a:lstStyle>
            <a:lvl1pPr algn="l">
              <a:buNone/>
              <a:defRPr sz="1600" b="0">
                <a:solidFill>
                  <a:schemeClr val="bg1"/>
                </a:solidFill>
                <a:latin typeface="KPN" panose="020B0504010101010104" pitchFamily="34" charset="0"/>
              </a:defRPr>
            </a:lvl1pPr>
          </a:lstStyle>
          <a:p>
            <a:pPr marL="0" marR="0" lvl="0" indent="0" algn="l" defTabSz="914397" rtl="0" eaLnBrk="1" fontAlgn="auto" latinLnBrk="0" hangingPunct="1">
              <a:lnSpc>
                <a:spcPct val="110000"/>
              </a:lnSpc>
              <a:spcBef>
                <a:spcPts val="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dirty="0"/>
              <a:t>Klik op icoon om afbeelding in te voegen</a:t>
            </a:r>
            <a:endParaRPr lang="nl-NL"/>
          </a:p>
        </p:txBody>
      </p:sp>
      <p:sp>
        <p:nvSpPr>
          <p:cNvPr id="6" name="Naam" descr="{&quot;templafy&quot;:{&quot;id&quot;:&quot;cc101f33-42b3-4ab8-ad16-ebe6da663ea6&quot;}}">
            <a:extLst>
              <a:ext uri="{FF2B5EF4-FFF2-40B4-BE49-F238E27FC236}">
                <a16:creationId xmlns:a16="http://schemas.microsoft.com/office/drawing/2014/main" id="{2EAE2200-2633-F82C-EBF2-2FDDC4ADDAE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 bwMode="white">
          <a:xfrm>
            <a:off x="635000" y="6246000"/>
            <a:ext cx="8110800" cy="413190"/>
          </a:xfrm>
        </p:spPr>
        <p:txBody>
          <a:bodyPr anchor="b" anchorCtr="0">
            <a:noAutofit/>
          </a:bodyPr>
          <a:lstStyle>
            <a:lvl1pPr>
              <a:lnSpc>
                <a:spcPct val="86000"/>
              </a:lnSpc>
              <a:defRPr sz="1800" b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nl-NL" dirty="0"/>
              <a:t>Erwin Sprengers</a:t>
            </a:r>
          </a:p>
        </p:txBody>
      </p:sp>
      <p:sp>
        <p:nvSpPr>
          <p:cNvPr id="7" name="Datum" descr="{&quot;templafy&quot;:{&quot;id&quot;:&quot;26890239-923c-4a29-8926-90c06a21206e&quot;}}">
            <a:extLst>
              <a:ext uri="{FF2B5EF4-FFF2-40B4-BE49-F238E27FC236}">
                <a16:creationId xmlns:a16="http://schemas.microsoft.com/office/drawing/2014/main" id="{FC792541-52F4-C864-F9F5-373C641FCE5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8745806" y="6246000"/>
            <a:ext cx="2993800" cy="413190"/>
          </a:xfrm>
        </p:spPr>
        <p:txBody>
          <a:bodyPr anchor="b" anchorCtr="0">
            <a:noAutofit/>
          </a:bodyPr>
          <a:lstStyle>
            <a:lvl1pPr algn="r">
              <a:lnSpc>
                <a:spcPct val="86000"/>
              </a:lnSpc>
              <a:defRPr sz="1800" b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nl-NL" dirty="0"/>
              <a:t>7 februari 2024</a:t>
            </a:r>
          </a:p>
        </p:txBody>
      </p:sp>
      <p:sp>
        <p:nvSpPr>
          <p:cNvPr id="24" name="Title 23">
            <a:extLst>
              <a:ext uri="{FF2B5EF4-FFF2-40B4-BE49-F238E27FC236}">
                <a16:creationId xmlns:a16="http://schemas.microsoft.com/office/drawing/2014/main" id="{B6117686-9D0F-CAD2-CA5A-64316DBE0F3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5000" y="2395758"/>
            <a:ext cx="10922400" cy="914400"/>
          </a:xfrm>
        </p:spPr>
        <p:txBody>
          <a:bodyPr anchor="b"/>
          <a:lstStyle>
            <a:lvl1pPr>
              <a:defRPr sz="75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Presentatie titel</a:t>
            </a:r>
          </a:p>
        </p:txBody>
      </p:sp>
    </p:spTree>
    <p:extLst>
      <p:ext uri="{BB962C8B-B14F-4D97-AF65-F5344CB8AC3E}">
        <p14:creationId xmlns:p14="http://schemas.microsoft.com/office/powerpoint/2010/main" val="227796895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/Agenda">
    <p:bg bwMode="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A411EB-785C-44FF-A81A-D4CFCE7AACC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635001" y="604800"/>
            <a:ext cx="7175500" cy="1079850"/>
          </a:xfrm>
        </p:spPr>
        <p:txBody>
          <a:bodyPr anchor="ctr" anchorCtr="0">
            <a:noAutofit/>
          </a:bodyPr>
          <a:lstStyle>
            <a:lvl1pPr algn="l">
              <a:lnSpc>
                <a:spcPct val="70000"/>
              </a:lnSpc>
              <a:defRPr sz="7500">
                <a:solidFill>
                  <a:schemeClr val="accent1"/>
                </a:solidFill>
                <a:latin typeface="KPN Black" panose="020B0A04010101010104" pitchFamily="34" charset="0"/>
              </a:defRPr>
            </a:lvl1pPr>
          </a:lstStyle>
          <a:p>
            <a:r>
              <a:rPr lang="nl-NL" dirty="0">
                <a:latin typeface="KPN Black" panose="020B0504010101010104" pitchFamily="34" charset="77"/>
              </a:rPr>
              <a:t>Inhoud</a:t>
            </a:r>
            <a:endParaRPr lang="nl-NL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6BE31567-31E5-4B83-A26C-61907813E761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gray">
          <a:xfrm>
            <a:off x="635000" y="2466596"/>
            <a:ext cx="6238876" cy="3313924"/>
          </a:xfrm>
        </p:spPr>
        <p:txBody>
          <a:bodyPr rIns="0" numCol="1" spcCol="633600">
            <a:noAutofit/>
          </a:bodyPr>
          <a:lstStyle>
            <a:lvl1pPr>
              <a:buNone/>
              <a:tabLst>
                <a:tab pos="4121138" algn="r"/>
              </a:tabLst>
              <a:defRPr sz="2800" b="0"/>
            </a:lvl1pPr>
            <a:lvl2pPr>
              <a:tabLst>
                <a:tab pos="4121138" algn="r"/>
              </a:tabLst>
              <a:defRPr sz="3000"/>
            </a:lvl2pPr>
            <a:lvl3pPr>
              <a:tabLst>
                <a:tab pos="4121138" algn="r"/>
              </a:tabLst>
              <a:defRPr sz="3000"/>
            </a:lvl3pPr>
            <a:lvl4pPr>
              <a:tabLst>
                <a:tab pos="4121138" algn="r"/>
              </a:tabLst>
              <a:defRPr sz="3000"/>
            </a:lvl4pPr>
            <a:lvl5pPr>
              <a:tabLst>
                <a:tab pos="4121138" algn="r"/>
              </a:tabLst>
              <a:defRPr sz="3000"/>
            </a:lvl5pPr>
          </a:lstStyle>
          <a:p>
            <a:r>
              <a:rPr lang="nl-NL" dirty="0"/>
              <a:t>Inleiding</a:t>
            </a:r>
            <a:endParaRPr lang="nl-NL"/>
          </a:p>
          <a:p>
            <a:r>
              <a:rPr lang="nl-NL" dirty="0"/>
              <a:t>Hoofdstuk 1</a:t>
            </a:r>
            <a:endParaRPr lang="nl-NL"/>
          </a:p>
          <a:p>
            <a:r>
              <a:rPr lang="nl-NL" dirty="0"/>
              <a:t>Hoofdstuk 2</a:t>
            </a:r>
            <a:endParaRPr lang="nl-NL" sz="2800" dirty="0">
              <a:latin typeface="KPN Light" panose="020B0404010101010104" pitchFamily="34" charset="77"/>
            </a:endParaRPr>
          </a:p>
          <a:p>
            <a:pPr marL="0" marR="0" lvl="0" indent="0" algn="l" defTabSz="914397" rtl="0" eaLnBrk="1" fontAlgn="auto" latinLnBrk="0" hangingPunct="1">
              <a:lnSpc>
                <a:spcPct val="110000"/>
              </a:lnSpc>
              <a:spcBef>
                <a:spcPts val="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>
                <a:tab pos="4121138" algn="r"/>
              </a:tabLst>
              <a:defRPr/>
            </a:pPr>
            <a:endParaRPr lang="nl-NL" sz="2800" dirty="0">
              <a:latin typeface="KPN Light" panose="020B0404010101010104" pitchFamily="34" charset="77"/>
            </a:endParaRPr>
          </a:p>
          <a:p>
            <a:pPr marL="0" marR="0" lvl="0" indent="0" algn="l" defTabSz="914397" rtl="0" eaLnBrk="1" fontAlgn="auto" latinLnBrk="0" hangingPunct="1">
              <a:lnSpc>
                <a:spcPct val="110000"/>
              </a:lnSpc>
              <a:spcBef>
                <a:spcPts val="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>
                <a:tab pos="4121138" algn="r"/>
              </a:tabLst>
              <a:defRPr/>
            </a:pPr>
            <a:endParaRPr lang="nl-NL" sz="2800" dirty="0">
              <a:latin typeface="KPN Light" panose="020B0404010101010104" pitchFamily="34" charset="77"/>
            </a:endParaRPr>
          </a:p>
          <a:p>
            <a:endParaRPr lang="nl-NL" sz="2800" dirty="0">
              <a:latin typeface="KPN Light" panose="020B0404010101010104" pitchFamily="34" charset="77"/>
            </a:endParaRPr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06C68514-5D90-A395-7175-4216055614AB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gray">
          <a:xfrm>
            <a:off x="7191378" y="2466596"/>
            <a:ext cx="619123" cy="3313924"/>
          </a:xfrm>
        </p:spPr>
        <p:txBody>
          <a:bodyPr rIns="0" numCol="1" spcCol="633600">
            <a:noAutofit/>
          </a:bodyPr>
          <a:lstStyle>
            <a:lvl1pPr algn="r">
              <a:tabLst>
                <a:tab pos="4121138" algn="r"/>
              </a:tabLst>
              <a:defRPr sz="2800" b="0">
                <a:latin typeface="KPN" panose="020B0504010101010104" pitchFamily="34" charset="0"/>
              </a:defRPr>
            </a:lvl1pPr>
            <a:lvl2pPr>
              <a:tabLst>
                <a:tab pos="4121138" algn="r"/>
              </a:tabLst>
              <a:defRPr sz="3000"/>
            </a:lvl2pPr>
            <a:lvl3pPr>
              <a:tabLst>
                <a:tab pos="4121138" algn="r"/>
              </a:tabLst>
              <a:defRPr sz="3000"/>
            </a:lvl3pPr>
            <a:lvl4pPr>
              <a:tabLst>
                <a:tab pos="4121138" algn="r"/>
              </a:tabLst>
              <a:defRPr sz="3000"/>
            </a:lvl4pPr>
            <a:lvl5pPr>
              <a:tabLst>
                <a:tab pos="4121138" algn="r"/>
              </a:tabLst>
              <a:defRPr sz="3000"/>
            </a:lvl5pPr>
          </a:lstStyle>
          <a:p>
            <a:r>
              <a:rPr lang="nl-NL" dirty="0"/>
              <a:t>2</a:t>
            </a:r>
            <a:endParaRPr lang="nl-NL"/>
          </a:p>
          <a:p>
            <a:r>
              <a:rPr lang="nl-NL" dirty="0"/>
              <a:t>6</a:t>
            </a:r>
            <a:endParaRPr lang="nl-NL"/>
          </a:p>
          <a:p>
            <a:r>
              <a:rPr lang="nl-NL" dirty="0"/>
              <a:t>8</a:t>
            </a:r>
            <a:endParaRPr lang="nl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08D8F57-6C42-0748-1ADD-2594FC8BD56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A978B2FF-0EC6-496A-9F3F-A37EF0BEACA5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04454674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houd/Agenda groen">
    <p:bg bwMode="gray">
      <p:bgPr>
        <a:solidFill>
          <a:srgbClr val="00C3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A411EB-785C-44FF-A81A-D4CFCE7AACC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635001" y="604800"/>
            <a:ext cx="7175500" cy="1079850"/>
          </a:xfrm>
        </p:spPr>
        <p:txBody>
          <a:bodyPr anchor="ctr" anchorCtr="0">
            <a:noAutofit/>
          </a:bodyPr>
          <a:lstStyle>
            <a:lvl1pPr algn="l">
              <a:lnSpc>
                <a:spcPct val="70000"/>
              </a:lnSpc>
              <a:defRPr sz="7500">
                <a:solidFill>
                  <a:schemeClr val="bg1"/>
                </a:solidFill>
                <a:latin typeface="KPN Black" panose="020B0A04010101010104" pitchFamily="34" charset="0"/>
              </a:defRPr>
            </a:lvl1pPr>
          </a:lstStyle>
          <a:p>
            <a:r>
              <a:rPr lang="nl-NL" dirty="0">
                <a:latin typeface="KPN Black" panose="020B0504010101010104" pitchFamily="34" charset="77"/>
              </a:rPr>
              <a:t>Inhoud</a:t>
            </a:r>
            <a:endParaRPr lang="nl-NL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6BE31567-31E5-4B83-A26C-61907813E761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gray">
          <a:xfrm>
            <a:off x="635000" y="2466596"/>
            <a:ext cx="6238876" cy="3313924"/>
          </a:xfrm>
        </p:spPr>
        <p:txBody>
          <a:bodyPr rIns="0" numCol="1" spcCol="633600">
            <a:noAutofit/>
          </a:bodyPr>
          <a:lstStyle>
            <a:lvl1pPr>
              <a:buNone/>
              <a:tabLst>
                <a:tab pos="4121138" algn="r"/>
              </a:tabLst>
              <a:defRPr sz="2800" b="0"/>
            </a:lvl1pPr>
            <a:lvl2pPr>
              <a:tabLst>
                <a:tab pos="4121138" algn="r"/>
              </a:tabLst>
              <a:defRPr sz="3000"/>
            </a:lvl2pPr>
            <a:lvl3pPr>
              <a:tabLst>
                <a:tab pos="4121138" algn="r"/>
              </a:tabLst>
              <a:defRPr sz="3000"/>
            </a:lvl3pPr>
            <a:lvl4pPr>
              <a:tabLst>
                <a:tab pos="4121138" algn="r"/>
              </a:tabLst>
              <a:defRPr sz="3000"/>
            </a:lvl4pPr>
            <a:lvl5pPr>
              <a:tabLst>
                <a:tab pos="4121138" algn="r"/>
              </a:tabLst>
              <a:defRPr sz="3000"/>
            </a:lvl5pPr>
          </a:lstStyle>
          <a:p>
            <a:r>
              <a:rPr lang="nl-NL" dirty="0"/>
              <a:t>Inleiding</a:t>
            </a:r>
            <a:endParaRPr lang="nl-NL"/>
          </a:p>
          <a:p>
            <a:r>
              <a:rPr lang="nl-NL" dirty="0"/>
              <a:t>Hoofdstuk 1</a:t>
            </a:r>
            <a:endParaRPr lang="nl-NL"/>
          </a:p>
          <a:p>
            <a:r>
              <a:rPr lang="nl-NL" dirty="0"/>
              <a:t>Hoofdstuk 2</a:t>
            </a:r>
            <a:endParaRPr lang="nl-NL" sz="2800" dirty="0">
              <a:latin typeface="KPN Light" panose="020B0404010101010104" pitchFamily="34" charset="77"/>
            </a:endParaRPr>
          </a:p>
          <a:p>
            <a:pPr marL="0" marR="0" lvl="0" indent="0" algn="l" defTabSz="914397" rtl="0" eaLnBrk="1" fontAlgn="auto" latinLnBrk="0" hangingPunct="1">
              <a:lnSpc>
                <a:spcPct val="110000"/>
              </a:lnSpc>
              <a:spcBef>
                <a:spcPts val="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>
                <a:tab pos="4121138" algn="r"/>
              </a:tabLst>
              <a:defRPr/>
            </a:pPr>
            <a:endParaRPr lang="nl-NL" sz="2800" dirty="0">
              <a:latin typeface="KPN Light" panose="020B0404010101010104" pitchFamily="34" charset="77"/>
            </a:endParaRPr>
          </a:p>
          <a:p>
            <a:pPr marL="0" marR="0" lvl="0" indent="0" algn="l" defTabSz="914397" rtl="0" eaLnBrk="1" fontAlgn="auto" latinLnBrk="0" hangingPunct="1">
              <a:lnSpc>
                <a:spcPct val="110000"/>
              </a:lnSpc>
              <a:spcBef>
                <a:spcPts val="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>
                <a:tab pos="4121138" algn="r"/>
              </a:tabLst>
              <a:defRPr/>
            </a:pPr>
            <a:endParaRPr lang="nl-NL" sz="2800" dirty="0">
              <a:latin typeface="KPN Light" panose="020B0404010101010104" pitchFamily="34" charset="77"/>
            </a:endParaRPr>
          </a:p>
          <a:p>
            <a:endParaRPr lang="nl-NL" sz="2800" dirty="0">
              <a:latin typeface="KPN Light" panose="020B0404010101010104" pitchFamily="34" charset="77"/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C63B086-A234-43B9-9B22-920781A7D6D1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978B2FF-0EC6-496A-9F3F-A37EF0BEACA5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06C68514-5D90-A395-7175-4216055614AB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gray">
          <a:xfrm>
            <a:off x="7191378" y="2466596"/>
            <a:ext cx="619123" cy="3313924"/>
          </a:xfrm>
        </p:spPr>
        <p:txBody>
          <a:bodyPr rIns="0" numCol="1" spcCol="633600">
            <a:noAutofit/>
          </a:bodyPr>
          <a:lstStyle>
            <a:lvl1pPr algn="r">
              <a:tabLst>
                <a:tab pos="4121138" algn="r"/>
              </a:tabLst>
              <a:defRPr sz="2800" b="0">
                <a:latin typeface="KPN" panose="020B0504010101010104" pitchFamily="34" charset="0"/>
              </a:defRPr>
            </a:lvl1pPr>
            <a:lvl2pPr>
              <a:tabLst>
                <a:tab pos="4121138" algn="r"/>
              </a:tabLst>
              <a:defRPr sz="3000"/>
            </a:lvl2pPr>
            <a:lvl3pPr>
              <a:tabLst>
                <a:tab pos="4121138" algn="r"/>
              </a:tabLst>
              <a:defRPr sz="3000"/>
            </a:lvl3pPr>
            <a:lvl4pPr>
              <a:tabLst>
                <a:tab pos="4121138" algn="r"/>
              </a:tabLst>
              <a:defRPr sz="3000"/>
            </a:lvl4pPr>
            <a:lvl5pPr>
              <a:tabLst>
                <a:tab pos="4121138" algn="r"/>
              </a:tabLst>
              <a:defRPr sz="3000"/>
            </a:lvl5pPr>
          </a:lstStyle>
          <a:p>
            <a:r>
              <a:rPr lang="nl-NL" dirty="0"/>
              <a:t>2</a:t>
            </a:r>
            <a:endParaRPr lang="nl-NL"/>
          </a:p>
          <a:p>
            <a:r>
              <a:rPr lang="nl-NL" dirty="0"/>
              <a:t>6</a:t>
            </a:r>
            <a:endParaRPr lang="nl-NL"/>
          </a:p>
          <a:p>
            <a:r>
              <a:rPr lang="nl-NL" dirty="0"/>
              <a:t>8</a:t>
            </a:r>
            <a:endParaRPr lang="nl-NL"/>
          </a:p>
        </p:txBody>
      </p:sp>
      <p:pic>
        <p:nvPicPr>
          <p:cNvPr id="4" name="Afbeelding 3" descr="Afbeelding met Graphics, Lettertype, logo, grafische vormgeving&#10;&#10;Automatisch gegenereerde beschrijving">
            <a:extLst>
              <a:ext uri="{FF2B5EF4-FFF2-40B4-BE49-F238E27FC236}">
                <a16:creationId xmlns:a16="http://schemas.microsoft.com/office/drawing/2014/main" id="{AC3EA8AE-2F59-26F2-7F2B-A71386896C3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407606" y="5857200"/>
            <a:ext cx="1515083" cy="838800"/>
          </a:xfrm>
          <a:prstGeom prst="rect">
            <a:avLst/>
          </a:prstGeom>
        </p:spPr>
      </p:pic>
      <p:sp>
        <p:nvSpPr>
          <p:cNvPr id="3" name="Footer" descr="{&quot;templafy&quot;:{&quot;id&quot;:&quot;7bc9ff2d-4292-4eb0-aa9f-a7109ec5a318&quot;}}">
            <a:extLst>
              <a:ext uri="{FF2B5EF4-FFF2-40B4-BE49-F238E27FC236}">
                <a16:creationId xmlns:a16="http://schemas.microsoft.com/office/drawing/2014/main" id="{C7FD30CD-E997-F689-3586-004433C97501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1016355" y="6246243"/>
            <a:ext cx="4920890" cy="2148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ts val="200"/>
              </a:spcBef>
              <a:buFont typeface="Arial" panose="020B0604020202020204" pitchFamily="34" charset="0"/>
              <a:buNone/>
              <a:defRPr sz="2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/>
            <a:r>
              <a:rPr lang="nl-NL" sz="1400" dirty="0">
                <a:solidFill>
                  <a:schemeClr val="bg1"/>
                </a:solidFill>
              </a:rPr>
              <a:t>Ik ben toch helemaal niet interessant?</a:t>
            </a:r>
          </a:p>
        </p:txBody>
      </p:sp>
    </p:spTree>
    <p:extLst>
      <p:ext uri="{BB962C8B-B14F-4D97-AF65-F5344CB8AC3E}">
        <p14:creationId xmlns:p14="http://schemas.microsoft.com/office/powerpoint/2010/main" val="226649278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6B17836-65B6-4CA7-95A9-66408DC3348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35007" y="2171270"/>
            <a:ext cx="8112125" cy="360925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 – Eerste bullet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FE1380A-7BE0-4384-BF1B-37A0D983A5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3C4B6588-99FE-E769-0209-8F64A8BE94B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l-NL" dirty="0"/>
              <a:t>Dit is een titel</a:t>
            </a:r>
          </a:p>
        </p:txBody>
      </p:sp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242F1E86-AB5C-D947-647D-A87662797C2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25911223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twee content vlakk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69F560B-5566-4AEE-BD88-401F35BF0E14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634996" y="1839600"/>
            <a:ext cx="5303650" cy="3942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 – Eerste bullet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7E8A0C9-6358-488B-A141-4CDEDA43D55A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53200" y="1839600"/>
            <a:ext cx="5301250" cy="3942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 – Eerste bullet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1F7DB1E-B054-40D9-8FE3-5DFF0E67BF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‹#›</a:t>
            </a:fld>
            <a:endParaRPr lang="nl-NL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8F028813-9F8B-786A-1900-AE1784F263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NL" dirty="0"/>
              <a:t>Dit is een tite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F549ACA-66B8-1B6D-033D-1DAB2291A86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35000" y="1208602"/>
            <a:ext cx="10922000" cy="391598"/>
          </a:xfrm>
        </p:spPr>
        <p:txBody>
          <a:bodyPr anchor="ctr"/>
          <a:lstStyle>
            <a:lvl1pPr>
              <a:buNone/>
              <a:defRPr sz="2800">
                <a:solidFill>
                  <a:schemeClr val="accent1"/>
                </a:solidFill>
              </a:defRPr>
            </a:lvl1pPr>
          </a:lstStyle>
          <a:p>
            <a:pPr lvl="0"/>
            <a:r>
              <a:rPr lang="nl-NL" dirty="0"/>
              <a:t>Bewerk subtit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51734562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Afbeelding 14" descr="Afbeelding met Graphics, Lettertype, logo, grafische vormgeving&#10;&#10;Automatisch gegenereerde beschrijving">
            <a:extLst>
              <a:ext uri="{FF2B5EF4-FFF2-40B4-BE49-F238E27FC236}">
                <a16:creationId xmlns:a16="http://schemas.microsoft.com/office/drawing/2014/main" id="{9C01BDB2-92CB-D01F-CFC4-6B834E2C27D3}"/>
              </a:ext>
            </a:extLst>
          </p:cNvPr>
          <p:cNvPicPr>
            <a:picLocks noChangeAspect="1"/>
          </p:cNvPicPr>
          <p:nvPr userDrawn="1"/>
        </p:nvPicPr>
        <p:blipFill>
          <a:blip r:embed="rId34"/>
          <a:stretch>
            <a:fillRect/>
          </a:stretch>
        </p:blipFill>
        <p:spPr>
          <a:xfrm>
            <a:off x="10408209" y="5858018"/>
            <a:ext cx="1513402" cy="837869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7F78FA2-A406-40E4-BACB-9A8BF97C6CE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635000" y="6250882"/>
            <a:ext cx="360000" cy="179023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 algn="l">
              <a:lnSpc>
                <a:spcPct val="83000"/>
              </a:lnSpc>
              <a:defRPr sz="1400">
                <a:solidFill>
                  <a:srgbClr val="00C300"/>
                </a:solidFill>
              </a:defRPr>
            </a:lvl1pPr>
          </a:lstStyle>
          <a:p>
            <a:fld id="{A978B2FF-0EC6-496A-9F3F-A37EF0BEACA5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BED3BBAD-C605-4ABA-9345-7C1DB6B75F6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600" y="605631"/>
            <a:ext cx="10922400" cy="60403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/>
          <a:p>
            <a:r>
              <a:rPr lang="nl-NL" dirty="0"/>
              <a:t>Dit is een titel</a:t>
            </a:r>
            <a:endParaRPr lang="nl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0F69FCC-D3F2-4963-B043-9DF60B29A66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5000" y="1840334"/>
            <a:ext cx="10922400" cy="394018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r>
              <a:rPr lang="nl-NL" dirty="0"/>
              <a:t>Subkop maak je bold / Bodytekst maak je </a:t>
            </a:r>
            <a:r>
              <a:rPr lang="nl-NL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r</a:t>
            </a:r>
            <a:endParaRPr lang="nl-NL" dirty="0"/>
          </a:p>
          <a:p>
            <a:pPr lvl="1"/>
            <a:r>
              <a:rPr lang="nl-NL" dirty="0"/>
              <a:t>Tweede niveau – Eerste bullet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  <a:endParaRPr lang="nl-NL"/>
          </a:p>
          <a:p>
            <a:pPr lvl="5"/>
            <a:r>
              <a:rPr lang="nl-NL" dirty="0"/>
              <a:t>Zesde niveau</a:t>
            </a:r>
            <a:endParaRPr lang="nl-NL"/>
          </a:p>
        </p:txBody>
      </p:sp>
      <p:grpSp>
        <p:nvGrpSpPr>
          <p:cNvPr id="13" name="SubtitelSpace">
            <a:extLst>
              <a:ext uri="{FF2B5EF4-FFF2-40B4-BE49-F238E27FC236}">
                <a16:creationId xmlns:a16="http://schemas.microsoft.com/office/drawing/2014/main" id="{5C65DA64-7126-FBD2-7EA1-EAF8DBD89ED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-480320" y="1030362"/>
            <a:ext cx="13097599" cy="543720"/>
            <a:chOff x="-480320" y="1030362"/>
            <a:chExt cx="13097599" cy="543720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16A7051A-31CA-A6B4-3B28-2CC9250D52DF}"/>
                </a:ext>
              </a:extLst>
            </p:cNvPr>
            <p:cNvSpPr/>
            <p:nvPr userDrawn="1"/>
          </p:nvSpPr>
          <p:spPr bwMode="hidden">
            <a:xfrm>
              <a:off x="-480320" y="1030362"/>
              <a:ext cx="357598" cy="543720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NL" sz="180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874B1715-69A0-C343-41BD-6ADB27461BDD}"/>
                </a:ext>
              </a:extLst>
            </p:cNvPr>
            <p:cNvSpPr/>
            <p:nvPr userDrawn="1"/>
          </p:nvSpPr>
          <p:spPr bwMode="hidden">
            <a:xfrm>
              <a:off x="12259681" y="1030362"/>
              <a:ext cx="357598" cy="543720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NL" sz="1800"/>
            </a:p>
          </p:txBody>
        </p:sp>
      </p:grpSp>
      <p:grpSp>
        <p:nvGrpSpPr>
          <p:cNvPr id="36" name="Gridmarks">
            <a:extLst>
              <a:ext uri="{FF2B5EF4-FFF2-40B4-BE49-F238E27FC236}">
                <a16:creationId xmlns:a16="http://schemas.microsoft.com/office/drawing/2014/main" id="{78EDDD98-D24D-43DB-B9C9-405F72596AA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-300320" y="-300320"/>
            <a:ext cx="12792640" cy="7458640"/>
            <a:chOff x="-300320" y="-300320"/>
            <a:chExt cx="12792640" cy="7458640"/>
          </a:xfrm>
        </p:grpSpPr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F4792B3B-1063-4BCB-8A18-A6592161892B}"/>
                </a:ext>
              </a:extLst>
            </p:cNvPr>
            <p:cNvGrpSpPr/>
            <p:nvPr/>
          </p:nvGrpSpPr>
          <p:grpSpPr>
            <a:xfrm>
              <a:off x="1254125" y="-300320"/>
              <a:ext cx="9680575" cy="7458640"/>
              <a:chOff x="1254125" y="-300320"/>
              <a:chExt cx="9680575" cy="7458640"/>
            </a:xfrm>
          </p:grpSpPr>
          <p:grpSp>
            <p:nvGrpSpPr>
              <p:cNvPr id="47" name="Group 46">
                <a:extLst>
                  <a:ext uri="{FF2B5EF4-FFF2-40B4-BE49-F238E27FC236}">
                    <a16:creationId xmlns:a16="http://schemas.microsoft.com/office/drawing/2014/main" id="{4CE48F4B-3BAA-4334-B239-4EF6907A7287}"/>
                  </a:ext>
                </a:extLst>
              </p:cNvPr>
              <p:cNvGrpSpPr/>
              <p:nvPr/>
            </p:nvGrpSpPr>
            <p:grpSpPr>
              <a:xfrm>
                <a:off x="1254125" y="-300320"/>
                <a:ext cx="9680575" cy="180000"/>
                <a:chOff x="1254125" y="0"/>
                <a:chExt cx="9680575" cy="5588000"/>
              </a:xfrm>
            </p:grpSpPr>
            <p:sp>
              <p:nvSpPr>
                <p:cNvPr id="71" name="Rectangle 3">
                  <a:extLst>
                    <a:ext uri="{FF2B5EF4-FFF2-40B4-BE49-F238E27FC236}">
                      <a16:creationId xmlns:a16="http://schemas.microsoft.com/office/drawing/2014/main" id="{14951526-3922-4D3E-9878-FA37AD7F93E3}"/>
                    </a:ext>
                  </a:extLst>
                </p:cNvPr>
                <p:cNvSpPr/>
                <p:nvPr/>
              </p:nvSpPr>
              <p:spPr>
                <a:xfrm>
                  <a:off x="12541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72" name="Rectangle 3">
                  <a:extLst>
                    <a:ext uri="{FF2B5EF4-FFF2-40B4-BE49-F238E27FC236}">
                      <a16:creationId xmlns:a16="http://schemas.microsoft.com/office/drawing/2014/main" id="{B9EBD82B-02DE-4309-B62F-887A3E421187}"/>
                    </a:ext>
                  </a:extLst>
                </p:cNvPr>
                <p:cNvSpPr/>
                <p:nvPr/>
              </p:nvSpPr>
              <p:spPr>
                <a:xfrm>
                  <a:off x="15716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73" name="Rectangle 3">
                  <a:extLst>
                    <a:ext uri="{FF2B5EF4-FFF2-40B4-BE49-F238E27FC236}">
                      <a16:creationId xmlns:a16="http://schemas.microsoft.com/office/drawing/2014/main" id="{B077A648-802C-4F02-9EBF-BA9E4E4E100A}"/>
                    </a:ext>
                  </a:extLst>
                </p:cNvPr>
                <p:cNvSpPr/>
                <p:nvPr/>
              </p:nvSpPr>
              <p:spPr>
                <a:xfrm>
                  <a:off x="21907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74" name="Rectangle 3">
                  <a:extLst>
                    <a:ext uri="{FF2B5EF4-FFF2-40B4-BE49-F238E27FC236}">
                      <a16:creationId xmlns:a16="http://schemas.microsoft.com/office/drawing/2014/main" id="{0CBB6AD1-7AB8-4D08-AFBB-4187D410D835}"/>
                    </a:ext>
                  </a:extLst>
                </p:cNvPr>
                <p:cNvSpPr/>
                <p:nvPr/>
              </p:nvSpPr>
              <p:spPr>
                <a:xfrm>
                  <a:off x="25082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75" name="Rectangle 3">
                  <a:extLst>
                    <a:ext uri="{FF2B5EF4-FFF2-40B4-BE49-F238E27FC236}">
                      <a16:creationId xmlns:a16="http://schemas.microsoft.com/office/drawing/2014/main" id="{330437ED-9C5F-4DFF-A029-255B31380BFF}"/>
                    </a:ext>
                  </a:extLst>
                </p:cNvPr>
                <p:cNvSpPr/>
                <p:nvPr/>
              </p:nvSpPr>
              <p:spPr>
                <a:xfrm>
                  <a:off x="312737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76" name="Rectangle 3">
                  <a:extLst>
                    <a:ext uri="{FF2B5EF4-FFF2-40B4-BE49-F238E27FC236}">
                      <a16:creationId xmlns:a16="http://schemas.microsoft.com/office/drawing/2014/main" id="{5445754B-DF16-41E3-B087-738E89192402}"/>
                    </a:ext>
                  </a:extLst>
                </p:cNvPr>
                <p:cNvSpPr/>
                <p:nvPr/>
              </p:nvSpPr>
              <p:spPr>
                <a:xfrm>
                  <a:off x="344487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77" name="Rectangle 3">
                  <a:extLst>
                    <a:ext uri="{FF2B5EF4-FFF2-40B4-BE49-F238E27FC236}">
                      <a16:creationId xmlns:a16="http://schemas.microsoft.com/office/drawing/2014/main" id="{82C0D52D-7792-4CA1-8B0D-6A4EB45F2E50}"/>
                    </a:ext>
                  </a:extLst>
                </p:cNvPr>
                <p:cNvSpPr/>
                <p:nvPr/>
              </p:nvSpPr>
              <p:spPr>
                <a:xfrm>
                  <a:off x="406400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78" name="Rectangle 3">
                  <a:extLst>
                    <a:ext uri="{FF2B5EF4-FFF2-40B4-BE49-F238E27FC236}">
                      <a16:creationId xmlns:a16="http://schemas.microsoft.com/office/drawing/2014/main" id="{29DF01E3-F23B-4A47-AFB6-78EA3DD0EDCB}"/>
                    </a:ext>
                  </a:extLst>
                </p:cNvPr>
                <p:cNvSpPr/>
                <p:nvPr/>
              </p:nvSpPr>
              <p:spPr>
                <a:xfrm>
                  <a:off x="438150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79" name="Rectangle 3">
                  <a:extLst>
                    <a:ext uri="{FF2B5EF4-FFF2-40B4-BE49-F238E27FC236}">
                      <a16:creationId xmlns:a16="http://schemas.microsoft.com/office/drawing/2014/main" id="{E7C64205-737F-4F6D-A696-CE60DC4492A3}"/>
                    </a:ext>
                  </a:extLst>
                </p:cNvPr>
                <p:cNvSpPr/>
                <p:nvPr/>
              </p:nvSpPr>
              <p:spPr>
                <a:xfrm>
                  <a:off x="50006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80" name="Rectangle 3">
                  <a:extLst>
                    <a:ext uri="{FF2B5EF4-FFF2-40B4-BE49-F238E27FC236}">
                      <a16:creationId xmlns:a16="http://schemas.microsoft.com/office/drawing/2014/main" id="{3E2438E5-283C-482F-804D-E5DD8FB9C93F}"/>
                    </a:ext>
                  </a:extLst>
                </p:cNvPr>
                <p:cNvSpPr/>
                <p:nvPr/>
              </p:nvSpPr>
              <p:spPr>
                <a:xfrm>
                  <a:off x="53181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81" name="Rectangle 3">
                  <a:extLst>
                    <a:ext uri="{FF2B5EF4-FFF2-40B4-BE49-F238E27FC236}">
                      <a16:creationId xmlns:a16="http://schemas.microsoft.com/office/drawing/2014/main" id="{4290CA86-0D99-403E-961D-D53787232047}"/>
                    </a:ext>
                  </a:extLst>
                </p:cNvPr>
                <p:cNvSpPr/>
                <p:nvPr/>
              </p:nvSpPr>
              <p:spPr>
                <a:xfrm>
                  <a:off x="59372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82" name="Rectangle 3">
                  <a:extLst>
                    <a:ext uri="{FF2B5EF4-FFF2-40B4-BE49-F238E27FC236}">
                      <a16:creationId xmlns:a16="http://schemas.microsoft.com/office/drawing/2014/main" id="{35E9049E-BF95-4A3C-9D69-BA808CCD77F5}"/>
                    </a:ext>
                  </a:extLst>
                </p:cNvPr>
                <p:cNvSpPr/>
                <p:nvPr/>
              </p:nvSpPr>
              <p:spPr>
                <a:xfrm>
                  <a:off x="62547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83" name="Rectangle 3">
                  <a:extLst>
                    <a:ext uri="{FF2B5EF4-FFF2-40B4-BE49-F238E27FC236}">
                      <a16:creationId xmlns:a16="http://schemas.microsoft.com/office/drawing/2014/main" id="{F7004A54-28AA-437A-8848-7138340D1FBD}"/>
                    </a:ext>
                  </a:extLst>
                </p:cNvPr>
                <p:cNvSpPr/>
                <p:nvPr/>
              </p:nvSpPr>
              <p:spPr>
                <a:xfrm>
                  <a:off x="687387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84" name="Rectangle 3">
                  <a:extLst>
                    <a:ext uri="{FF2B5EF4-FFF2-40B4-BE49-F238E27FC236}">
                      <a16:creationId xmlns:a16="http://schemas.microsoft.com/office/drawing/2014/main" id="{51979A90-1514-4003-B37A-7B1313DA3021}"/>
                    </a:ext>
                  </a:extLst>
                </p:cNvPr>
                <p:cNvSpPr/>
                <p:nvPr/>
              </p:nvSpPr>
              <p:spPr>
                <a:xfrm>
                  <a:off x="719137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85" name="Rectangle 3">
                  <a:extLst>
                    <a:ext uri="{FF2B5EF4-FFF2-40B4-BE49-F238E27FC236}">
                      <a16:creationId xmlns:a16="http://schemas.microsoft.com/office/drawing/2014/main" id="{21E8553A-B003-4BB5-BE29-BB416B1A6C1D}"/>
                    </a:ext>
                  </a:extLst>
                </p:cNvPr>
                <p:cNvSpPr/>
                <p:nvPr/>
              </p:nvSpPr>
              <p:spPr>
                <a:xfrm>
                  <a:off x="781050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86" name="Rectangle 3">
                  <a:extLst>
                    <a:ext uri="{FF2B5EF4-FFF2-40B4-BE49-F238E27FC236}">
                      <a16:creationId xmlns:a16="http://schemas.microsoft.com/office/drawing/2014/main" id="{99CD83ED-5212-41D5-9D94-04F436BBAA35}"/>
                    </a:ext>
                  </a:extLst>
                </p:cNvPr>
                <p:cNvSpPr/>
                <p:nvPr/>
              </p:nvSpPr>
              <p:spPr>
                <a:xfrm>
                  <a:off x="812800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87" name="Rectangle 3">
                  <a:extLst>
                    <a:ext uri="{FF2B5EF4-FFF2-40B4-BE49-F238E27FC236}">
                      <a16:creationId xmlns:a16="http://schemas.microsoft.com/office/drawing/2014/main" id="{6EF95454-2CFB-43A6-8F56-FA7B72991B01}"/>
                    </a:ext>
                  </a:extLst>
                </p:cNvPr>
                <p:cNvSpPr/>
                <p:nvPr/>
              </p:nvSpPr>
              <p:spPr>
                <a:xfrm>
                  <a:off x="87471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88" name="Rectangle 3">
                  <a:extLst>
                    <a:ext uri="{FF2B5EF4-FFF2-40B4-BE49-F238E27FC236}">
                      <a16:creationId xmlns:a16="http://schemas.microsoft.com/office/drawing/2014/main" id="{4C34ED0C-DDF9-4445-915F-08084C1E2F52}"/>
                    </a:ext>
                  </a:extLst>
                </p:cNvPr>
                <p:cNvSpPr/>
                <p:nvPr/>
              </p:nvSpPr>
              <p:spPr>
                <a:xfrm>
                  <a:off x="90646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89" name="Rectangle 3">
                  <a:extLst>
                    <a:ext uri="{FF2B5EF4-FFF2-40B4-BE49-F238E27FC236}">
                      <a16:creationId xmlns:a16="http://schemas.microsoft.com/office/drawing/2014/main" id="{DE3C1F7D-5BAC-47ED-8451-B934B65A7173}"/>
                    </a:ext>
                  </a:extLst>
                </p:cNvPr>
                <p:cNvSpPr/>
                <p:nvPr/>
              </p:nvSpPr>
              <p:spPr>
                <a:xfrm>
                  <a:off x="96837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90" name="Rectangle 3">
                  <a:extLst>
                    <a:ext uri="{FF2B5EF4-FFF2-40B4-BE49-F238E27FC236}">
                      <a16:creationId xmlns:a16="http://schemas.microsoft.com/office/drawing/2014/main" id="{5235C1DE-1FFC-4A62-9F71-A51E7D33F805}"/>
                    </a:ext>
                  </a:extLst>
                </p:cNvPr>
                <p:cNvSpPr/>
                <p:nvPr/>
              </p:nvSpPr>
              <p:spPr>
                <a:xfrm>
                  <a:off x="100012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91" name="Rectangle 3">
                  <a:extLst>
                    <a:ext uri="{FF2B5EF4-FFF2-40B4-BE49-F238E27FC236}">
                      <a16:creationId xmlns:a16="http://schemas.microsoft.com/office/drawing/2014/main" id="{F8F30EAB-E701-444A-8721-C13BD6041A69}"/>
                    </a:ext>
                  </a:extLst>
                </p:cNvPr>
                <p:cNvSpPr/>
                <p:nvPr/>
              </p:nvSpPr>
              <p:spPr>
                <a:xfrm>
                  <a:off x="1062037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92" name="Rectangle 3">
                  <a:extLst>
                    <a:ext uri="{FF2B5EF4-FFF2-40B4-BE49-F238E27FC236}">
                      <a16:creationId xmlns:a16="http://schemas.microsoft.com/office/drawing/2014/main" id="{C08965DC-E923-47A0-BA4B-D2D9EC04CB10}"/>
                    </a:ext>
                  </a:extLst>
                </p:cNvPr>
                <p:cNvSpPr/>
                <p:nvPr/>
              </p:nvSpPr>
              <p:spPr>
                <a:xfrm>
                  <a:off x="1093470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</p:grpSp>
          <p:grpSp>
            <p:nvGrpSpPr>
              <p:cNvPr id="48" name="Group 47">
                <a:extLst>
                  <a:ext uri="{FF2B5EF4-FFF2-40B4-BE49-F238E27FC236}">
                    <a16:creationId xmlns:a16="http://schemas.microsoft.com/office/drawing/2014/main" id="{B9C19042-D53B-44E0-8D44-B756B4207AAC}"/>
                  </a:ext>
                </a:extLst>
              </p:cNvPr>
              <p:cNvGrpSpPr/>
              <p:nvPr/>
            </p:nvGrpSpPr>
            <p:grpSpPr>
              <a:xfrm>
                <a:off x="1254125" y="6978320"/>
                <a:ext cx="9680575" cy="180000"/>
                <a:chOff x="1254125" y="0"/>
                <a:chExt cx="9680575" cy="5588000"/>
              </a:xfrm>
            </p:grpSpPr>
            <p:sp>
              <p:nvSpPr>
                <p:cNvPr id="49" name="Rectangle 3">
                  <a:extLst>
                    <a:ext uri="{FF2B5EF4-FFF2-40B4-BE49-F238E27FC236}">
                      <a16:creationId xmlns:a16="http://schemas.microsoft.com/office/drawing/2014/main" id="{8041D91D-3049-42DE-B903-202EA776D83B}"/>
                    </a:ext>
                  </a:extLst>
                </p:cNvPr>
                <p:cNvSpPr/>
                <p:nvPr/>
              </p:nvSpPr>
              <p:spPr>
                <a:xfrm>
                  <a:off x="12541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50" name="Rectangle 3">
                  <a:extLst>
                    <a:ext uri="{FF2B5EF4-FFF2-40B4-BE49-F238E27FC236}">
                      <a16:creationId xmlns:a16="http://schemas.microsoft.com/office/drawing/2014/main" id="{B80EFC62-7C09-439B-B1B7-CE59C1868444}"/>
                    </a:ext>
                  </a:extLst>
                </p:cNvPr>
                <p:cNvSpPr/>
                <p:nvPr/>
              </p:nvSpPr>
              <p:spPr>
                <a:xfrm>
                  <a:off x="15716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51" name="Rectangle 3">
                  <a:extLst>
                    <a:ext uri="{FF2B5EF4-FFF2-40B4-BE49-F238E27FC236}">
                      <a16:creationId xmlns:a16="http://schemas.microsoft.com/office/drawing/2014/main" id="{4A80AC9F-5C72-48F0-B9D1-E3AB217D8F2C}"/>
                    </a:ext>
                  </a:extLst>
                </p:cNvPr>
                <p:cNvSpPr/>
                <p:nvPr/>
              </p:nvSpPr>
              <p:spPr>
                <a:xfrm>
                  <a:off x="21907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52" name="Rectangle 3">
                  <a:extLst>
                    <a:ext uri="{FF2B5EF4-FFF2-40B4-BE49-F238E27FC236}">
                      <a16:creationId xmlns:a16="http://schemas.microsoft.com/office/drawing/2014/main" id="{DA4AEF16-3B40-4CCD-BC98-26DF31E4CA00}"/>
                    </a:ext>
                  </a:extLst>
                </p:cNvPr>
                <p:cNvSpPr/>
                <p:nvPr/>
              </p:nvSpPr>
              <p:spPr>
                <a:xfrm>
                  <a:off x="25082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53" name="Rectangle 3">
                  <a:extLst>
                    <a:ext uri="{FF2B5EF4-FFF2-40B4-BE49-F238E27FC236}">
                      <a16:creationId xmlns:a16="http://schemas.microsoft.com/office/drawing/2014/main" id="{BCC7B7BD-64A8-4326-967D-EE3600935594}"/>
                    </a:ext>
                  </a:extLst>
                </p:cNvPr>
                <p:cNvSpPr/>
                <p:nvPr/>
              </p:nvSpPr>
              <p:spPr>
                <a:xfrm>
                  <a:off x="312737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54" name="Rectangle 3">
                  <a:extLst>
                    <a:ext uri="{FF2B5EF4-FFF2-40B4-BE49-F238E27FC236}">
                      <a16:creationId xmlns:a16="http://schemas.microsoft.com/office/drawing/2014/main" id="{EE881D72-3A24-47B7-936E-20DE51119D48}"/>
                    </a:ext>
                  </a:extLst>
                </p:cNvPr>
                <p:cNvSpPr/>
                <p:nvPr/>
              </p:nvSpPr>
              <p:spPr>
                <a:xfrm>
                  <a:off x="344487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55" name="Rectangle 3">
                  <a:extLst>
                    <a:ext uri="{FF2B5EF4-FFF2-40B4-BE49-F238E27FC236}">
                      <a16:creationId xmlns:a16="http://schemas.microsoft.com/office/drawing/2014/main" id="{962B0983-A72A-4164-8B11-FB14A0CB1D97}"/>
                    </a:ext>
                  </a:extLst>
                </p:cNvPr>
                <p:cNvSpPr/>
                <p:nvPr/>
              </p:nvSpPr>
              <p:spPr>
                <a:xfrm>
                  <a:off x="406400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56" name="Rectangle 3">
                  <a:extLst>
                    <a:ext uri="{FF2B5EF4-FFF2-40B4-BE49-F238E27FC236}">
                      <a16:creationId xmlns:a16="http://schemas.microsoft.com/office/drawing/2014/main" id="{C4D7CEB4-5FA0-4996-897D-953C2C95CD6F}"/>
                    </a:ext>
                  </a:extLst>
                </p:cNvPr>
                <p:cNvSpPr/>
                <p:nvPr/>
              </p:nvSpPr>
              <p:spPr>
                <a:xfrm>
                  <a:off x="438150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57" name="Rectangle 3">
                  <a:extLst>
                    <a:ext uri="{FF2B5EF4-FFF2-40B4-BE49-F238E27FC236}">
                      <a16:creationId xmlns:a16="http://schemas.microsoft.com/office/drawing/2014/main" id="{DFB3277D-EAB3-496B-8C83-AC978C71022E}"/>
                    </a:ext>
                  </a:extLst>
                </p:cNvPr>
                <p:cNvSpPr/>
                <p:nvPr/>
              </p:nvSpPr>
              <p:spPr>
                <a:xfrm>
                  <a:off x="50006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58" name="Rectangle 3">
                  <a:extLst>
                    <a:ext uri="{FF2B5EF4-FFF2-40B4-BE49-F238E27FC236}">
                      <a16:creationId xmlns:a16="http://schemas.microsoft.com/office/drawing/2014/main" id="{1C4FCFDF-1F35-4CA0-8C9D-26B9FABDA322}"/>
                    </a:ext>
                  </a:extLst>
                </p:cNvPr>
                <p:cNvSpPr/>
                <p:nvPr/>
              </p:nvSpPr>
              <p:spPr>
                <a:xfrm>
                  <a:off x="53181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59" name="Rectangle 3">
                  <a:extLst>
                    <a:ext uri="{FF2B5EF4-FFF2-40B4-BE49-F238E27FC236}">
                      <a16:creationId xmlns:a16="http://schemas.microsoft.com/office/drawing/2014/main" id="{BD6C014A-368F-47C0-BC71-7BDF0F7C828E}"/>
                    </a:ext>
                  </a:extLst>
                </p:cNvPr>
                <p:cNvSpPr/>
                <p:nvPr/>
              </p:nvSpPr>
              <p:spPr>
                <a:xfrm>
                  <a:off x="59372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60" name="Rectangle 3">
                  <a:extLst>
                    <a:ext uri="{FF2B5EF4-FFF2-40B4-BE49-F238E27FC236}">
                      <a16:creationId xmlns:a16="http://schemas.microsoft.com/office/drawing/2014/main" id="{A5825FE5-7EB0-4BEB-8BF7-4549D423DAF4}"/>
                    </a:ext>
                  </a:extLst>
                </p:cNvPr>
                <p:cNvSpPr/>
                <p:nvPr/>
              </p:nvSpPr>
              <p:spPr>
                <a:xfrm>
                  <a:off x="62547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61" name="Rectangle 3">
                  <a:extLst>
                    <a:ext uri="{FF2B5EF4-FFF2-40B4-BE49-F238E27FC236}">
                      <a16:creationId xmlns:a16="http://schemas.microsoft.com/office/drawing/2014/main" id="{6506885A-4C3D-4212-B589-C680AF7E12D1}"/>
                    </a:ext>
                  </a:extLst>
                </p:cNvPr>
                <p:cNvSpPr/>
                <p:nvPr/>
              </p:nvSpPr>
              <p:spPr>
                <a:xfrm>
                  <a:off x="687387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62" name="Rectangle 3">
                  <a:extLst>
                    <a:ext uri="{FF2B5EF4-FFF2-40B4-BE49-F238E27FC236}">
                      <a16:creationId xmlns:a16="http://schemas.microsoft.com/office/drawing/2014/main" id="{415F07B4-714E-4558-A72F-6279CF10C983}"/>
                    </a:ext>
                  </a:extLst>
                </p:cNvPr>
                <p:cNvSpPr/>
                <p:nvPr/>
              </p:nvSpPr>
              <p:spPr>
                <a:xfrm>
                  <a:off x="719137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63" name="Rectangle 3">
                  <a:extLst>
                    <a:ext uri="{FF2B5EF4-FFF2-40B4-BE49-F238E27FC236}">
                      <a16:creationId xmlns:a16="http://schemas.microsoft.com/office/drawing/2014/main" id="{FB2F4833-8283-4DF1-BBA3-32EA16B11499}"/>
                    </a:ext>
                  </a:extLst>
                </p:cNvPr>
                <p:cNvSpPr/>
                <p:nvPr/>
              </p:nvSpPr>
              <p:spPr>
                <a:xfrm>
                  <a:off x="781050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64" name="Rectangle 3">
                  <a:extLst>
                    <a:ext uri="{FF2B5EF4-FFF2-40B4-BE49-F238E27FC236}">
                      <a16:creationId xmlns:a16="http://schemas.microsoft.com/office/drawing/2014/main" id="{AB936E67-A743-4212-8724-58C43B049C0B}"/>
                    </a:ext>
                  </a:extLst>
                </p:cNvPr>
                <p:cNvSpPr/>
                <p:nvPr/>
              </p:nvSpPr>
              <p:spPr>
                <a:xfrm>
                  <a:off x="812800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65" name="Rectangle 3">
                  <a:extLst>
                    <a:ext uri="{FF2B5EF4-FFF2-40B4-BE49-F238E27FC236}">
                      <a16:creationId xmlns:a16="http://schemas.microsoft.com/office/drawing/2014/main" id="{A85D9569-4495-4E87-ABD7-4193F71893A2}"/>
                    </a:ext>
                  </a:extLst>
                </p:cNvPr>
                <p:cNvSpPr/>
                <p:nvPr/>
              </p:nvSpPr>
              <p:spPr>
                <a:xfrm>
                  <a:off x="87471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66" name="Rectangle 3">
                  <a:extLst>
                    <a:ext uri="{FF2B5EF4-FFF2-40B4-BE49-F238E27FC236}">
                      <a16:creationId xmlns:a16="http://schemas.microsoft.com/office/drawing/2014/main" id="{2EEE1FF2-AB92-40A9-9D5D-1DCE2BEAAC3C}"/>
                    </a:ext>
                  </a:extLst>
                </p:cNvPr>
                <p:cNvSpPr/>
                <p:nvPr/>
              </p:nvSpPr>
              <p:spPr>
                <a:xfrm>
                  <a:off x="906462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67" name="Rectangle 3">
                  <a:extLst>
                    <a:ext uri="{FF2B5EF4-FFF2-40B4-BE49-F238E27FC236}">
                      <a16:creationId xmlns:a16="http://schemas.microsoft.com/office/drawing/2014/main" id="{627ABA79-6C19-4B71-8CA0-91A4AC0C62D1}"/>
                    </a:ext>
                  </a:extLst>
                </p:cNvPr>
                <p:cNvSpPr/>
                <p:nvPr/>
              </p:nvSpPr>
              <p:spPr>
                <a:xfrm>
                  <a:off x="96837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68" name="Rectangle 3">
                  <a:extLst>
                    <a:ext uri="{FF2B5EF4-FFF2-40B4-BE49-F238E27FC236}">
                      <a16:creationId xmlns:a16="http://schemas.microsoft.com/office/drawing/2014/main" id="{62516C65-2A9F-4C69-8FF1-0F8966D17D52}"/>
                    </a:ext>
                  </a:extLst>
                </p:cNvPr>
                <p:cNvSpPr/>
                <p:nvPr/>
              </p:nvSpPr>
              <p:spPr>
                <a:xfrm>
                  <a:off x="1000125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69" name="Rectangle 3">
                  <a:extLst>
                    <a:ext uri="{FF2B5EF4-FFF2-40B4-BE49-F238E27FC236}">
                      <a16:creationId xmlns:a16="http://schemas.microsoft.com/office/drawing/2014/main" id="{85C46707-EBBA-4143-B70B-EDA6CB7688E3}"/>
                    </a:ext>
                  </a:extLst>
                </p:cNvPr>
                <p:cNvSpPr/>
                <p:nvPr/>
              </p:nvSpPr>
              <p:spPr>
                <a:xfrm>
                  <a:off x="10620375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  <p:sp>
              <p:nvSpPr>
                <p:cNvPr id="70" name="Rectangle 3">
                  <a:extLst>
                    <a:ext uri="{FF2B5EF4-FFF2-40B4-BE49-F238E27FC236}">
                      <a16:creationId xmlns:a16="http://schemas.microsoft.com/office/drawing/2014/main" id="{08BB1DF4-AC23-44CE-B683-03CEA166F664}"/>
                    </a:ext>
                  </a:extLst>
                </p:cNvPr>
                <p:cNvSpPr/>
                <p:nvPr/>
              </p:nvSpPr>
              <p:spPr>
                <a:xfrm>
                  <a:off x="10934700" y="0"/>
                  <a:ext cx="0" cy="5588000"/>
                </a:xfrm>
                <a:custGeom>
                  <a:avLst/>
                  <a:gdLst>
                    <a:gd name="connsiteX0" fmla="*/ 0 w 10922000"/>
                    <a:gd name="connsiteY0" fmla="*/ 0 h 5588000"/>
                    <a:gd name="connsiteX1" fmla="*/ 10922000 w 10922000"/>
                    <a:gd name="connsiteY1" fmla="*/ 0 h 5588000"/>
                    <a:gd name="connsiteX2" fmla="*/ 10922000 w 10922000"/>
                    <a:gd name="connsiteY2" fmla="*/ 5588000 h 5588000"/>
                    <a:gd name="connsiteX3" fmla="*/ 0 w 10922000"/>
                    <a:gd name="connsiteY3" fmla="*/ 5588000 h 5588000"/>
                    <a:gd name="connsiteX4" fmla="*/ 0 w 10922000"/>
                    <a:gd name="connsiteY4" fmla="*/ 0 h 5588000"/>
                    <a:gd name="connsiteX0" fmla="*/ 0 w 10922000"/>
                    <a:gd name="connsiteY0" fmla="*/ 0 h 5588000"/>
                    <a:gd name="connsiteX1" fmla="*/ 10922000 w 10922000"/>
                    <a:gd name="connsiteY1" fmla="*/ 5588000 h 5588000"/>
                    <a:gd name="connsiteX2" fmla="*/ 0 w 10922000"/>
                    <a:gd name="connsiteY2" fmla="*/ 5588000 h 5588000"/>
                    <a:gd name="connsiteX3" fmla="*/ 0 w 10922000"/>
                    <a:gd name="connsiteY3" fmla="*/ 0 h 5588000"/>
                    <a:gd name="connsiteX0" fmla="*/ 10922000 w 11013440"/>
                    <a:gd name="connsiteY0" fmla="*/ 5588000 h 5679440"/>
                    <a:gd name="connsiteX1" fmla="*/ 0 w 11013440"/>
                    <a:gd name="connsiteY1" fmla="*/ 5588000 h 5679440"/>
                    <a:gd name="connsiteX2" fmla="*/ 0 w 11013440"/>
                    <a:gd name="connsiteY2" fmla="*/ 0 h 5679440"/>
                    <a:gd name="connsiteX3" fmla="*/ 11013440 w 11013440"/>
                    <a:gd name="connsiteY3" fmla="*/ 5679440 h 5679440"/>
                    <a:gd name="connsiteX0" fmla="*/ 10922000 w 10922000"/>
                    <a:gd name="connsiteY0" fmla="*/ 5588000 h 5588000"/>
                    <a:gd name="connsiteX1" fmla="*/ 0 w 10922000"/>
                    <a:gd name="connsiteY1" fmla="*/ 5588000 h 5588000"/>
                    <a:gd name="connsiteX2" fmla="*/ 0 w 10922000"/>
                    <a:gd name="connsiteY2" fmla="*/ 0 h 5588000"/>
                    <a:gd name="connsiteX0" fmla="*/ 0 w 0"/>
                    <a:gd name="connsiteY0" fmla="*/ 5588000 h 5588000"/>
                    <a:gd name="connsiteX1" fmla="*/ 0 w 0"/>
                    <a:gd name="connsiteY1" fmla="*/ 0 h 5588000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h="5588000">
                      <a:moveTo>
                        <a:pt x="0" y="5588000"/>
                      </a:moveTo>
                      <a:lnTo>
                        <a:pt x="0" y="0"/>
                      </a:lnTo>
                    </a:path>
                  </a:pathLst>
                </a:custGeom>
                <a:solidFill>
                  <a:srgbClr val="FF0096">
                    <a:alpha val="0"/>
                  </a:srgbClr>
                </a:solidFill>
                <a:ln w="3175" cap="flat" cmpd="sng" algn="ctr">
                  <a:solidFill>
                    <a:srgbClr val="FF0096">
                      <a:alpha val="50000"/>
                    </a:srgbClr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nl-NL" sz="1800" dirty="0"/>
                </a:p>
              </p:txBody>
            </p:sp>
          </p:grpSp>
        </p:grpSp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4584D9B4-4A3D-4683-90E9-914B106D5226}"/>
                </a:ext>
              </a:extLst>
            </p:cNvPr>
            <p:cNvGrpSpPr/>
            <p:nvPr/>
          </p:nvGrpSpPr>
          <p:grpSpPr>
            <a:xfrm>
              <a:off x="-300320" y="-300320"/>
              <a:ext cx="12792640" cy="7458640"/>
              <a:chOff x="-300320" y="-300320"/>
              <a:chExt cx="12792640" cy="7458640"/>
            </a:xfrm>
          </p:grpSpPr>
          <p:sp>
            <p:nvSpPr>
              <p:cNvPr id="39" name="Rectangle 3">
                <a:extLst>
                  <a:ext uri="{FF2B5EF4-FFF2-40B4-BE49-F238E27FC236}">
                    <a16:creationId xmlns:a16="http://schemas.microsoft.com/office/drawing/2014/main" id="{3E739766-3D2D-411A-A3E4-578FF726474D}"/>
                  </a:ext>
                </a:extLst>
              </p:cNvPr>
              <p:cNvSpPr/>
              <p:nvPr/>
            </p:nvSpPr>
            <p:spPr>
              <a:xfrm>
                <a:off x="635000" y="-300320"/>
                <a:ext cx="0" cy="18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40" name="Rectangle 3">
                <a:extLst>
                  <a:ext uri="{FF2B5EF4-FFF2-40B4-BE49-F238E27FC236}">
                    <a16:creationId xmlns:a16="http://schemas.microsoft.com/office/drawing/2014/main" id="{58113828-AD5A-4547-ABE7-A92638A613B7}"/>
                  </a:ext>
                </a:extLst>
              </p:cNvPr>
              <p:cNvSpPr/>
              <p:nvPr/>
            </p:nvSpPr>
            <p:spPr>
              <a:xfrm>
                <a:off x="11557000" y="-300320"/>
                <a:ext cx="0" cy="18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41" name="Rectangle 3">
                <a:extLst>
                  <a:ext uri="{FF2B5EF4-FFF2-40B4-BE49-F238E27FC236}">
                    <a16:creationId xmlns:a16="http://schemas.microsoft.com/office/drawing/2014/main" id="{F8161945-E218-4117-90BE-A076972A31BA}"/>
                  </a:ext>
                </a:extLst>
              </p:cNvPr>
              <p:cNvSpPr/>
              <p:nvPr/>
            </p:nvSpPr>
            <p:spPr>
              <a:xfrm>
                <a:off x="635000" y="6978320"/>
                <a:ext cx="0" cy="18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42" name="Rectangle 3">
                <a:extLst>
                  <a:ext uri="{FF2B5EF4-FFF2-40B4-BE49-F238E27FC236}">
                    <a16:creationId xmlns:a16="http://schemas.microsoft.com/office/drawing/2014/main" id="{FCDBF26A-6458-4C84-8A50-44273B4B24CB}"/>
                  </a:ext>
                </a:extLst>
              </p:cNvPr>
              <p:cNvSpPr/>
              <p:nvPr/>
            </p:nvSpPr>
            <p:spPr>
              <a:xfrm>
                <a:off x="11557000" y="6978320"/>
                <a:ext cx="0" cy="18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43" name="Rectangle 2">
                <a:extLst>
                  <a:ext uri="{FF2B5EF4-FFF2-40B4-BE49-F238E27FC236}">
                    <a16:creationId xmlns:a16="http://schemas.microsoft.com/office/drawing/2014/main" id="{45721340-C751-4272-A188-BEA2BE02AA6F}"/>
                  </a:ext>
                </a:extLst>
              </p:cNvPr>
              <p:cNvSpPr/>
              <p:nvPr/>
            </p:nvSpPr>
            <p:spPr>
              <a:xfrm>
                <a:off x="-300320" y="635000"/>
                <a:ext cx="180000" cy="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5588000 h 5679440"/>
                  <a:gd name="connsiteX1" fmla="*/ 0 w 10922000"/>
                  <a:gd name="connsiteY1" fmla="*/ 0 h 5679440"/>
                  <a:gd name="connsiteX2" fmla="*/ 10922000 w 10922000"/>
                  <a:gd name="connsiteY2" fmla="*/ 0 h 5679440"/>
                  <a:gd name="connsiteX3" fmla="*/ 10922000 w 10922000"/>
                  <a:gd name="connsiteY3" fmla="*/ 5588000 h 5679440"/>
                  <a:gd name="connsiteX4" fmla="*/ 91440 w 10922000"/>
                  <a:gd name="connsiteY4" fmla="*/ 5679440 h 5679440"/>
                  <a:gd name="connsiteX0" fmla="*/ 0 w 10922000"/>
                  <a:gd name="connsiteY0" fmla="*/ 5588000 h 5588000"/>
                  <a:gd name="connsiteX1" fmla="*/ 0 w 10922000"/>
                  <a:gd name="connsiteY1" fmla="*/ 0 h 5588000"/>
                  <a:gd name="connsiteX2" fmla="*/ 10922000 w 10922000"/>
                  <a:gd name="connsiteY2" fmla="*/ 0 h 5588000"/>
                  <a:gd name="connsiteX3" fmla="*/ 10922000 w 10922000"/>
                  <a:gd name="connsiteY3" fmla="*/ 5588000 h 5588000"/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0" fmla="*/ 0 w 10922000"/>
                  <a:gd name="connsiteY0" fmla="*/ 0 h 0"/>
                  <a:gd name="connsiteX1" fmla="*/ 10922000 w 10922000"/>
                  <a:gd name="connsiteY1" fmla="*/ 0 h 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922000">
                    <a:moveTo>
                      <a:pt x="0" y="0"/>
                    </a:moveTo>
                    <a:lnTo>
                      <a:pt x="1092200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44" name="Rectangle 2">
                <a:extLst>
                  <a:ext uri="{FF2B5EF4-FFF2-40B4-BE49-F238E27FC236}">
                    <a16:creationId xmlns:a16="http://schemas.microsoft.com/office/drawing/2014/main" id="{67A4AB63-8181-40BF-990D-A0F9716CD802}"/>
                  </a:ext>
                </a:extLst>
              </p:cNvPr>
              <p:cNvSpPr/>
              <p:nvPr/>
            </p:nvSpPr>
            <p:spPr>
              <a:xfrm>
                <a:off x="-300320" y="6223000"/>
                <a:ext cx="180000" cy="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5588000 h 5679440"/>
                  <a:gd name="connsiteX1" fmla="*/ 0 w 10922000"/>
                  <a:gd name="connsiteY1" fmla="*/ 0 h 5679440"/>
                  <a:gd name="connsiteX2" fmla="*/ 10922000 w 10922000"/>
                  <a:gd name="connsiteY2" fmla="*/ 0 h 5679440"/>
                  <a:gd name="connsiteX3" fmla="*/ 10922000 w 10922000"/>
                  <a:gd name="connsiteY3" fmla="*/ 5588000 h 5679440"/>
                  <a:gd name="connsiteX4" fmla="*/ 91440 w 10922000"/>
                  <a:gd name="connsiteY4" fmla="*/ 5679440 h 5679440"/>
                  <a:gd name="connsiteX0" fmla="*/ 0 w 10922000"/>
                  <a:gd name="connsiteY0" fmla="*/ 5588000 h 5588000"/>
                  <a:gd name="connsiteX1" fmla="*/ 0 w 10922000"/>
                  <a:gd name="connsiteY1" fmla="*/ 0 h 5588000"/>
                  <a:gd name="connsiteX2" fmla="*/ 10922000 w 10922000"/>
                  <a:gd name="connsiteY2" fmla="*/ 0 h 5588000"/>
                  <a:gd name="connsiteX3" fmla="*/ 10922000 w 10922000"/>
                  <a:gd name="connsiteY3" fmla="*/ 5588000 h 5588000"/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0" fmla="*/ 0 w 10922000"/>
                  <a:gd name="connsiteY0" fmla="*/ 0 h 0"/>
                  <a:gd name="connsiteX1" fmla="*/ 10922000 w 10922000"/>
                  <a:gd name="connsiteY1" fmla="*/ 0 h 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922000">
                    <a:moveTo>
                      <a:pt x="0" y="0"/>
                    </a:moveTo>
                    <a:lnTo>
                      <a:pt x="1092200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45" name="Rectangle 2">
                <a:extLst>
                  <a:ext uri="{FF2B5EF4-FFF2-40B4-BE49-F238E27FC236}">
                    <a16:creationId xmlns:a16="http://schemas.microsoft.com/office/drawing/2014/main" id="{29472683-A457-4980-AEFC-60BB1E3D5A96}"/>
                  </a:ext>
                </a:extLst>
              </p:cNvPr>
              <p:cNvSpPr/>
              <p:nvPr/>
            </p:nvSpPr>
            <p:spPr>
              <a:xfrm>
                <a:off x="12312320" y="635000"/>
                <a:ext cx="180000" cy="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5588000 h 5679440"/>
                  <a:gd name="connsiteX1" fmla="*/ 0 w 10922000"/>
                  <a:gd name="connsiteY1" fmla="*/ 0 h 5679440"/>
                  <a:gd name="connsiteX2" fmla="*/ 10922000 w 10922000"/>
                  <a:gd name="connsiteY2" fmla="*/ 0 h 5679440"/>
                  <a:gd name="connsiteX3" fmla="*/ 10922000 w 10922000"/>
                  <a:gd name="connsiteY3" fmla="*/ 5588000 h 5679440"/>
                  <a:gd name="connsiteX4" fmla="*/ 91440 w 10922000"/>
                  <a:gd name="connsiteY4" fmla="*/ 5679440 h 5679440"/>
                  <a:gd name="connsiteX0" fmla="*/ 0 w 10922000"/>
                  <a:gd name="connsiteY0" fmla="*/ 5588000 h 5588000"/>
                  <a:gd name="connsiteX1" fmla="*/ 0 w 10922000"/>
                  <a:gd name="connsiteY1" fmla="*/ 0 h 5588000"/>
                  <a:gd name="connsiteX2" fmla="*/ 10922000 w 10922000"/>
                  <a:gd name="connsiteY2" fmla="*/ 0 h 5588000"/>
                  <a:gd name="connsiteX3" fmla="*/ 10922000 w 10922000"/>
                  <a:gd name="connsiteY3" fmla="*/ 5588000 h 5588000"/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0" fmla="*/ 0 w 10922000"/>
                  <a:gd name="connsiteY0" fmla="*/ 0 h 0"/>
                  <a:gd name="connsiteX1" fmla="*/ 10922000 w 10922000"/>
                  <a:gd name="connsiteY1" fmla="*/ 0 h 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922000">
                    <a:moveTo>
                      <a:pt x="0" y="0"/>
                    </a:moveTo>
                    <a:lnTo>
                      <a:pt x="1092200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46" name="Rectangle 2">
                <a:extLst>
                  <a:ext uri="{FF2B5EF4-FFF2-40B4-BE49-F238E27FC236}">
                    <a16:creationId xmlns:a16="http://schemas.microsoft.com/office/drawing/2014/main" id="{CD2B51BB-9C0E-400C-A6CA-12513FDAF46D}"/>
                  </a:ext>
                </a:extLst>
              </p:cNvPr>
              <p:cNvSpPr/>
              <p:nvPr/>
            </p:nvSpPr>
            <p:spPr>
              <a:xfrm>
                <a:off x="12312320" y="6223000"/>
                <a:ext cx="180000" cy="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5588000 h 5679440"/>
                  <a:gd name="connsiteX1" fmla="*/ 0 w 10922000"/>
                  <a:gd name="connsiteY1" fmla="*/ 0 h 5679440"/>
                  <a:gd name="connsiteX2" fmla="*/ 10922000 w 10922000"/>
                  <a:gd name="connsiteY2" fmla="*/ 0 h 5679440"/>
                  <a:gd name="connsiteX3" fmla="*/ 10922000 w 10922000"/>
                  <a:gd name="connsiteY3" fmla="*/ 5588000 h 5679440"/>
                  <a:gd name="connsiteX4" fmla="*/ 91440 w 10922000"/>
                  <a:gd name="connsiteY4" fmla="*/ 5679440 h 5679440"/>
                  <a:gd name="connsiteX0" fmla="*/ 0 w 10922000"/>
                  <a:gd name="connsiteY0" fmla="*/ 5588000 h 5588000"/>
                  <a:gd name="connsiteX1" fmla="*/ 0 w 10922000"/>
                  <a:gd name="connsiteY1" fmla="*/ 0 h 5588000"/>
                  <a:gd name="connsiteX2" fmla="*/ 10922000 w 10922000"/>
                  <a:gd name="connsiteY2" fmla="*/ 0 h 5588000"/>
                  <a:gd name="connsiteX3" fmla="*/ 10922000 w 10922000"/>
                  <a:gd name="connsiteY3" fmla="*/ 5588000 h 5588000"/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0" fmla="*/ 0 w 10922000"/>
                  <a:gd name="connsiteY0" fmla="*/ 0 h 0"/>
                  <a:gd name="connsiteX1" fmla="*/ 10922000 w 10922000"/>
                  <a:gd name="connsiteY1" fmla="*/ 0 h 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922000">
                    <a:moveTo>
                      <a:pt x="0" y="0"/>
                    </a:moveTo>
                    <a:lnTo>
                      <a:pt x="1092200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</p:grpSp>
      </p:grpSp>
      <p:grpSp>
        <p:nvGrpSpPr>
          <p:cNvPr id="102" name="Centermarks">
            <a:extLst>
              <a:ext uri="{FF2B5EF4-FFF2-40B4-BE49-F238E27FC236}">
                <a16:creationId xmlns:a16="http://schemas.microsoft.com/office/drawing/2014/main" id="{B481628F-0353-48AE-A070-A2563BBEF3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-467620" y="-480320"/>
            <a:ext cx="13139940" cy="7818640"/>
            <a:chOff x="-467620" y="-480320"/>
            <a:chExt cx="13139940" cy="7818640"/>
          </a:xfrm>
        </p:grpSpPr>
        <p:grpSp>
          <p:nvGrpSpPr>
            <p:cNvPr id="95" name="Group 94">
              <a:extLst>
                <a:ext uri="{FF2B5EF4-FFF2-40B4-BE49-F238E27FC236}">
                  <a16:creationId xmlns:a16="http://schemas.microsoft.com/office/drawing/2014/main" id="{0E6158A2-C789-4121-B703-768A6595B922}"/>
                </a:ext>
              </a:extLst>
            </p:cNvPr>
            <p:cNvGrpSpPr/>
            <p:nvPr/>
          </p:nvGrpSpPr>
          <p:grpSpPr>
            <a:xfrm>
              <a:off x="6096000" y="-480320"/>
              <a:ext cx="0" cy="7818640"/>
              <a:chOff x="6407150" y="-327920"/>
              <a:chExt cx="0" cy="7818640"/>
            </a:xfrm>
          </p:grpSpPr>
          <p:sp>
            <p:nvSpPr>
              <p:cNvPr id="96" name="Rectangle 3">
                <a:extLst>
                  <a:ext uri="{FF2B5EF4-FFF2-40B4-BE49-F238E27FC236}">
                    <a16:creationId xmlns:a16="http://schemas.microsoft.com/office/drawing/2014/main" id="{0ABB1847-6139-40BB-BF2B-86994AF601C5}"/>
                  </a:ext>
                </a:extLst>
              </p:cNvPr>
              <p:cNvSpPr/>
              <p:nvPr/>
            </p:nvSpPr>
            <p:spPr>
              <a:xfrm>
                <a:off x="6407150" y="-327920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lgDash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97" name="Rectangle 3">
                <a:extLst>
                  <a:ext uri="{FF2B5EF4-FFF2-40B4-BE49-F238E27FC236}">
                    <a16:creationId xmlns:a16="http://schemas.microsoft.com/office/drawing/2014/main" id="{2A2F185F-5502-4E68-878B-1D658D6B05F6}"/>
                  </a:ext>
                </a:extLst>
              </p:cNvPr>
              <p:cNvSpPr/>
              <p:nvPr/>
            </p:nvSpPr>
            <p:spPr>
              <a:xfrm>
                <a:off x="6407150" y="7130720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lgDash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</p:grpSp>
        <p:grpSp>
          <p:nvGrpSpPr>
            <p:cNvPr id="99" name="Group 98">
              <a:extLst>
                <a:ext uri="{FF2B5EF4-FFF2-40B4-BE49-F238E27FC236}">
                  <a16:creationId xmlns:a16="http://schemas.microsoft.com/office/drawing/2014/main" id="{8EA75365-FC78-414E-AA7C-A84AD10FECC8}"/>
                </a:ext>
              </a:extLst>
            </p:cNvPr>
            <p:cNvGrpSpPr/>
            <p:nvPr/>
          </p:nvGrpSpPr>
          <p:grpSpPr>
            <a:xfrm rot="5400000">
              <a:off x="6102350" y="-3140970"/>
              <a:ext cx="0" cy="13139940"/>
              <a:chOff x="6407150" y="-5649220"/>
              <a:chExt cx="0" cy="13139940"/>
            </a:xfrm>
          </p:grpSpPr>
          <p:sp>
            <p:nvSpPr>
              <p:cNvPr id="100" name="Rectangle 3">
                <a:extLst>
                  <a:ext uri="{FF2B5EF4-FFF2-40B4-BE49-F238E27FC236}">
                    <a16:creationId xmlns:a16="http://schemas.microsoft.com/office/drawing/2014/main" id="{8620625C-F50D-40A8-8205-9A7C3F92AD54}"/>
                  </a:ext>
                </a:extLst>
              </p:cNvPr>
              <p:cNvSpPr/>
              <p:nvPr/>
            </p:nvSpPr>
            <p:spPr>
              <a:xfrm>
                <a:off x="6407150" y="-5649220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lgDash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01" name="Rectangle 3">
                <a:extLst>
                  <a:ext uri="{FF2B5EF4-FFF2-40B4-BE49-F238E27FC236}">
                    <a16:creationId xmlns:a16="http://schemas.microsoft.com/office/drawing/2014/main" id="{B8E7D18A-43CC-4A7F-BAC4-AF00D911FCAF}"/>
                  </a:ext>
                </a:extLst>
              </p:cNvPr>
              <p:cNvSpPr/>
              <p:nvPr/>
            </p:nvSpPr>
            <p:spPr>
              <a:xfrm>
                <a:off x="6407150" y="7130720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lgDash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</p:grpSp>
      </p:grpSp>
      <p:grpSp>
        <p:nvGrpSpPr>
          <p:cNvPr id="103" name="Grid-12col_25gut" hidden="1">
            <a:extLst>
              <a:ext uri="{FF2B5EF4-FFF2-40B4-BE49-F238E27FC236}">
                <a16:creationId xmlns:a16="http://schemas.microsoft.com/office/drawing/2014/main" id="{9650104C-ABA9-4BCA-93BE-4088560C18D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635006" y="635000"/>
            <a:ext cx="10922000" cy="5588000"/>
            <a:chOff x="635000" y="635000"/>
            <a:chExt cx="10922000" cy="5588000"/>
          </a:xfrm>
        </p:grpSpPr>
        <p:grpSp>
          <p:nvGrpSpPr>
            <p:cNvPr id="105" name="Group 104">
              <a:extLst>
                <a:ext uri="{FF2B5EF4-FFF2-40B4-BE49-F238E27FC236}">
                  <a16:creationId xmlns:a16="http://schemas.microsoft.com/office/drawing/2014/main" id="{5CA3CDD0-DC9D-4A95-9E0B-E0DC7A7ED81D}"/>
                </a:ext>
              </a:extLst>
            </p:cNvPr>
            <p:cNvGrpSpPr/>
            <p:nvPr/>
          </p:nvGrpSpPr>
          <p:grpSpPr>
            <a:xfrm>
              <a:off x="635000" y="635000"/>
              <a:ext cx="10922000" cy="5588000"/>
              <a:chOff x="635000" y="0"/>
              <a:chExt cx="10922000" cy="5588000"/>
            </a:xfrm>
          </p:grpSpPr>
          <p:sp>
            <p:nvSpPr>
              <p:cNvPr id="109" name="Rectangle 3">
                <a:extLst>
                  <a:ext uri="{FF2B5EF4-FFF2-40B4-BE49-F238E27FC236}">
                    <a16:creationId xmlns:a16="http://schemas.microsoft.com/office/drawing/2014/main" id="{A58DE3C4-F446-4B88-9CF9-CF626BDB91AD}"/>
                  </a:ext>
                </a:extLst>
              </p:cNvPr>
              <p:cNvSpPr/>
              <p:nvPr/>
            </p:nvSpPr>
            <p:spPr>
              <a:xfrm>
                <a:off x="63500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10" name="Rectangle 3">
                <a:extLst>
                  <a:ext uri="{FF2B5EF4-FFF2-40B4-BE49-F238E27FC236}">
                    <a16:creationId xmlns:a16="http://schemas.microsoft.com/office/drawing/2014/main" id="{C1AA56EB-81C0-4572-BFF8-DB1C4AE94130}"/>
                  </a:ext>
                </a:extLst>
              </p:cNvPr>
              <p:cNvSpPr/>
              <p:nvPr/>
            </p:nvSpPr>
            <p:spPr>
              <a:xfrm>
                <a:off x="1254125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11" name="Rectangle 3">
                <a:extLst>
                  <a:ext uri="{FF2B5EF4-FFF2-40B4-BE49-F238E27FC236}">
                    <a16:creationId xmlns:a16="http://schemas.microsoft.com/office/drawing/2014/main" id="{7E3F438A-331F-4FEF-B2D2-C914F1BEB1D9}"/>
                  </a:ext>
                </a:extLst>
              </p:cNvPr>
              <p:cNvSpPr/>
              <p:nvPr/>
            </p:nvSpPr>
            <p:spPr>
              <a:xfrm>
                <a:off x="1571625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12" name="Rectangle 3">
                <a:extLst>
                  <a:ext uri="{FF2B5EF4-FFF2-40B4-BE49-F238E27FC236}">
                    <a16:creationId xmlns:a16="http://schemas.microsoft.com/office/drawing/2014/main" id="{2A4E91D9-5815-4A08-BAF2-B2B3DC93C56A}"/>
                  </a:ext>
                </a:extLst>
              </p:cNvPr>
              <p:cNvSpPr/>
              <p:nvPr/>
            </p:nvSpPr>
            <p:spPr>
              <a:xfrm>
                <a:off x="219075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13" name="Rectangle 3">
                <a:extLst>
                  <a:ext uri="{FF2B5EF4-FFF2-40B4-BE49-F238E27FC236}">
                    <a16:creationId xmlns:a16="http://schemas.microsoft.com/office/drawing/2014/main" id="{A58A6DC5-6351-4ADE-AE23-64F02E138C60}"/>
                  </a:ext>
                </a:extLst>
              </p:cNvPr>
              <p:cNvSpPr/>
              <p:nvPr/>
            </p:nvSpPr>
            <p:spPr>
              <a:xfrm>
                <a:off x="250825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14" name="Rectangle 3">
                <a:extLst>
                  <a:ext uri="{FF2B5EF4-FFF2-40B4-BE49-F238E27FC236}">
                    <a16:creationId xmlns:a16="http://schemas.microsoft.com/office/drawing/2014/main" id="{CC5AC4D4-D6AC-4BC5-BE98-292C0B381ADC}"/>
                  </a:ext>
                </a:extLst>
              </p:cNvPr>
              <p:cNvSpPr/>
              <p:nvPr/>
            </p:nvSpPr>
            <p:spPr>
              <a:xfrm>
                <a:off x="3127375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15" name="Rectangle 3">
                <a:extLst>
                  <a:ext uri="{FF2B5EF4-FFF2-40B4-BE49-F238E27FC236}">
                    <a16:creationId xmlns:a16="http://schemas.microsoft.com/office/drawing/2014/main" id="{34856092-5D30-490D-B292-94EEDDB0BC25}"/>
                  </a:ext>
                </a:extLst>
              </p:cNvPr>
              <p:cNvSpPr/>
              <p:nvPr/>
            </p:nvSpPr>
            <p:spPr>
              <a:xfrm>
                <a:off x="3444875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16" name="Rectangle 3">
                <a:extLst>
                  <a:ext uri="{FF2B5EF4-FFF2-40B4-BE49-F238E27FC236}">
                    <a16:creationId xmlns:a16="http://schemas.microsoft.com/office/drawing/2014/main" id="{CDEF51CF-022D-4A97-BB14-35CBB8AFBA92}"/>
                  </a:ext>
                </a:extLst>
              </p:cNvPr>
              <p:cNvSpPr/>
              <p:nvPr/>
            </p:nvSpPr>
            <p:spPr>
              <a:xfrm>
                <a:off x="406400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17" name="Rectangle 3">
                <a:extLst>
                  <a:ext uri="{FF2B5EF4-FFF2-40B4-BE49-F238E27FC236}">
                    <a16:creationId xmlns:a16="http://schemas.microsoft.com/office/drawing/2014/main" id="{62A8C6FA-E8B3-461E-ABDB-42A3580E1D17}"/>
                  </a:ext>
                </a:extLst>
              </p:cNvPr>
              <p:cNvSpPr/>
              <p:nvPr/>
            </p:nvSpPr>
            <p:spPr>
              <a:xfrm>
                <a:off x="438150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18" name="Rectangle 3">
                <a:extLst>
                  <a:ext uri="{FF2B5EF4-FFF2-40B4-BE49-F238E27FC236}">
                    <a16:creationId xmlns:a16="http://schemas.microsoft.com/office/drawing/2014/main" id="{9A638844-D85F-4BAD-87BC-378AE0DE95E7}"/>
                  </a:ext>
                </a:extLst>
              </p:cNvPr>
              <p:cNvSpPr/>
              <p:nvPr/>
            </p:nvSpPr>
            <p:spPr>
              <a:xfrm>
                <a:off x="5000625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19" name="Rectangle 3">
                <a:extLst>
                  <a:ext uri="{FF2B5EF4-FFF2-40B4-BE49-F238E27FC236}">
                    <a16:creationId xmlns:a16="http://schemas.microsoft.com/office/drawing/2014/main" id="{5403A344-A066-4844-B67B-F2C2E57DB46A}"/>
                  </a:ext>
                </a:extLst>
              </p:cNvPr>
              <p:cNvSpPr/>
              <p:nvPr/>
            </p:nvSpPr>
            <p:spPr>
              <a:xfrm>
                <a:off x="5318125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20" name="Rectangle 3">
                <a:extLst>
                  <a:ext uri="{FF2B5EF4-FFF2-40B4-BE49-F238E27FC236}">
                    <a16:creationId xmlns:a16="http://schemas.microsoft.com/office/drawing/2014/main" id="{D8DADAC4-BDAB-48CC-A9ED-3EE358538CBE}"/>
                  </a:ext>
                </a:extLst>
              </p:cNvPr>
              <p:cNvSpPr/>
              <p:nvPr/>
            </p:nvSpPr>
            <p:spPr>
              <a:xfrm>
                <a:off x="593725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21" name="Rectangle 3">
                <a:extLst>
                  <a:ext uri="{FF2B5EF4-FFF2-40B4-BE49-F238E27FC236}">
                    <a16:creationId xmlns:a16="http://schemas.microsoft.com/office/drawing/2014/main" id="{CF52F8C2-2B66-4BE1-A650-5801376B1C97}"/>
                  </a:ext>
                </a:extLst>
              </p:cNvPr>
              <p:cNvSpPr/>
              <p:nvPr/>
            </p:nvSpPr>
            <p:spPr>
              <a:xfrm>
                <a:off x="625475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22" name="Rectangle 3">
                <a:extLst>
                  <a:ext uri="{FF2B5EF4-FFF2-40B4-BE49-F238E27FC236}">
                    <a16:creationId xmlns:a16="http://schemas.microsoft.com/office/drawing/2014/main" id="{B6E50101-B5C5-46EC-B875-A6D2BE19151F}"/>
                  </a:ext>
                </a:extLst>
              </p:cNvPr>
              <p:cNvSpPr/>
              <p:nvPr/>
            </p:nvSpPr>
            <p:spPr>
              <a:xfrm>
                <a:off x="6873875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23" name="Rectangle 3">
                <a:extLst>
                  <a:ext uri="{FF2B5EF4-FFF2-40B4-BE49-F238E27FC236}">
                    <a16:creationId xmlns:a16="http://schemas.microsoft.com/office/drawing/2014/main" id="{FDAB2746-15F9-4C31-B883-221D35A45F4A}"/>
                  </a:ext>
                </a:extLst>
              </p:cNvPr>
              <p:cNvSpPr/>
              <p:nvPr/>
            </p:nvSpPr>
            <p:spPr>
              <a:xfrm>
                <a:off x="7191375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24" name="Rectangle 3">
                <a:extLst>
                  <a:ext uri="{FF2B5EF4-FFF2-40B4-BE49-F238E27FC236}">
                    <a16:creationId xmlns:a16="http://schemas.microsoft.com/office/drawing/2014/main" id="{6009210F-E2FD-4D03-B4EA-72F0D62D1FBA}"/>
                  </a:ext>
                </a:extLst>
              </p:cNvPr>
              <p:cNvSpPr/>
              <p:nvPr/>
            </p:nvSpPr>
            <p:spPr>
              <a:xfrm>
                <a:off x="781050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25" name="Rectangle 3">
                <a:extLst>
                  <a:ext uri="{FF2B5EF4-FFF2-40B4-BE49-F238E27FC236}">
                    <a16:creationId xmlns:a16="http://schemas.microsoft.com/office/drawing/2014/main" id="{A3E83874-3C3C-4772-8B38-1EFCCBF3229F}"/>
                  </a:ext>
                </a:extLst>
              </p:cNvPr>
              <p:cNvSpPr/>
              <p:nvPr/>
            </p:nvSpPr>
            <p:spPr>
              <a:xfrm>
                <a:off x="812800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26" name="Rectangle 3">
                <a:extLst>
                  <a:ext uri="{FF2B5EF4-FFF2-40B4-BE49-F238E27FC236}">
                    <a16:creationId xmlns:a16="http://schemas.microsoft.com/office/drawing/2014/main" id="{635134B5-C41E-4081-A2D3-DFEFACE2C864}"/>
                  </a:ext>
                </a:extLst>
              </p:cNvPr>
              <p:cNvSpPr/>
              <p:nvPr/>
            </p:nvSpPr>
            <p:spPr>
              <a:xfrm>
                <a:off x="8747125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27" name="Rectangle 3">
                <a:extLst>
                  <a:ext uri="{FF2B5EF4-FFF2-40B4-BE49-F238E27FC236}">
                    <a16:creationId xmlns:a16="http://schemas.microsoft.com/office/drawing/2014/main" id="{F05697B0-8AE4-4299-A869-B45C406A963D}"/>
                  </a:ext>
                </a:extLst>
              </p:cNvPr>
              <p:cNvSpPr/>
              <p:nvPr/>
            </p:nvSpPr>
            <p:spPr>
              <a:xfrm>
                <a:off x="9064625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28" name="Rectangle 3">
                <a:extLst>
                  <a:ext uri="{FF2B5EF4-FFF2-40B4-BE49-F238E27FC236}">
                    <a16:creationId xmlns:a16="http://schemas.microsoft.com/office/drawing/2014/main" id="{95C0FAFB-4CBD-4680-B198-48D9AE36D3A9}"/>
                  </a:ext>
                </a:extLst>
              </p:cNvPr>
              <p:cNvSpPr/>
              <p:nvPr/>
            </p:nvSpPr>
            <p:spPr>
              <a:xfrm>
                <a:off x="968375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29" name="Rectangle 3">
                <a:extLst>
                  <a:ext uri="{FF2B5EF4-FFF2-40B4-BE49-F238E27FC236}">
                    <a16:creationId xmlns:a16="http://schemas.microsoft.com/office/drawing/2014/main" id="{5CC66913-DFCC-4F38-A2CF-67C2B77528B0}"/>
                  </a:ext>
                </a:extLst>
              </p:cNvPr>
              <p:cNvSpPr/>
              <p:nvPr/>
            </p:nvSpPr>
            <p:spPr>
              <a:xfrm>
                <a:off x="1000125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30" name="Rectangle 3">
                <a:extLst>
                  <a:ext uri="{FF2B5EF4-FFF2-40B4-BE49-F238E27FC236}">
                    <a16:creationId xmlns:a16="http://schemas.microsoft.com/office/drawing/2014/main" id="{EFE8CEF2-9BAC-4BD4-BADE-7D26EDEA3F38}"/>
                  </a:ext>
                </a:extLst>
              </p:cNvPr>
              <p:cNvSpPr/>
              <p:nvPr/>
            </p:nvSpPr>
            <p:spPr>
              <a:xfrm>
                <a:off x="10620375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31" name="Rectangle 3">
                <a:extLst>
                  <a:ext uri="{FF2B5EF4-FFF2-40B4-BE49-F238E27FC236}">
                    <a16:creationId xmlns:a16="http://schemas.microsoft.com/office/drawing/2014/main" id="{6AE1D900-9DB5-4DFF-AB65-4F4CE67652BB}"/>
                  </a:ext>
                </a:extLst>
              </p:cNvPr>
              <p:cNvSpPr/>
              <p:nvPr/>
            </p:nvSpPr>
            <p:spPr>
              <a:xfrm>
                <a:off x="1093470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32" name="Rectangle 3">
                <a:extLst>
                  <a:ext uri="{FF2B5EF4-FFF2-40B4-BE49-F238E27FC236}">
                    <a16:creationId xmlns:a16="http://schemas.microsoft.com/office/drawing/2014/main" id="{3D158AD5-E233-45D0-93F9-F45C38F1D69D}"/>
                  </a:ext>
                </a:extLst>
              </p:cNvPr>
              <p:cNvSpPr/>
              <p:nvPr/>
            </p:nvSpPr>
            <p:spPr>
              <a:xfrm>
                <a:off x="11557000" y="0"/>
                <a:ext cx="0" cy="5588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</p:grpSp>
        <p:grpSp>
          <p:nvGrpSpPr>
            <p:cNvPr id="106" name="Group 105">
              <a:extLst>
                <a:ext uri="{FF2B5EF4-FFF2-40B4-BE49-F238E27FC236}">
                  <a16:creationId xmlns:a16="http://schemas.microsoft.com/office/drawing/2014/main" id="{FAB08189-D68A-43BA-B475-F2DD7F0ECF65}"/>
                </a:ext>
              </a:extLst>
            </p:cNvPr>
            <p:cNvGrpSpPr/>
            <p:nvPr/>
          </p:nvGrpSpPr>
          <p:grpSpPr>
            <a:xfrm>
              <a:off x="635000" y="635000"/>
              <a:ext cx="10922000" cy="5588000"/>
              <a:chOff x="635000" y="635000"/>
              <a:chExt cx="10922000" cy="5588000"/>
            </a:xfrm>
          </p:grpSpPr>
          <p:sp>
            <p:nvSpPr>
              <p:cNvPr id="107" name="Rectangle 2">
                <a:extLst>
                  <a:ext uri="{FF2B5EF4-FFF2-40B4-BE49-F238E27FC236}">
                    <a16:creationId xmlns:a16="http://schemas.microsoft.com/office/drawing/2014/main" id="{2F8C43A8-4C01-413E-9734-C621C8D3DCB8}"/>
                  </a:ext>
                </a:extLst>
              </p:cNvPr>
              <p:cNvSpPr/>
              <p:nvPr/>
            </p:nvSpPr>
            <p:spPr>
              <a:xfrm>
                <a:off x="635000" y="635000"/>
                <a:ext cx="10922000" cy="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5588000 h 5679440"/>
                  <a:gd name="connsiteX1" fmla="*/ 0 w 10922000"/>
                  <a:gd name="connsiteY1" fmla="*/ 0 h 5679440"/>
                  <a:gd name="connsiteX2" fmla="*/ 10922000 w 10922000"/>
                  <a:gd name="connsiteY2" fmla="*/ 0 h 5679440"/>
                  <a:gd name="connsiteX3" fmla="*/ 10922000 w 10922000"/>
                  <a:gd name="connsiteY3" fmla="*/ 5588000 h 5679440"/>
                  <a:gd name="connsiteX4" fmla="*/ 91440 w 10922000"/>
                  <a:gd name="connsiteY4" fmla="*/ 5679440 h 5679440"/>
                  <a:gd name="connsiteX0" fmla="*/ 0 w 10922000"/>
                  <a:gd name="connsiteY0" fmla="*/ 5588000 h 5588000"/>
                  <a:gd name="connsiteX1" fmla="*/ 0 w 10922000"/>
                  <a:gd name="connsiteY1" fmla="*/ 0 h 5588000"/>
                  <a:gd name="connsiteX2" fmla="*/ 10922000 w 10922000"/>
                  <a:gd name="connsiteY2" fmla="*/ 0 h 5588000"/>
                  <a:gd name="connsiteX3" fmla="*/ 10922000 w 10922000"/>
                  <a:gd name="connsiteY3" fmla="*/ 5588000 h 5588000"/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0" fmla="*/ 0 w 10922000"/>
                  <a:gd name="connsiteY0" fmla="*/ 0 h 0"/>
                  <a:gd name="connsiteX1" fmla="*/ 10922000 w 10922000"/>
                  <a:gd name="connsiteY1" fmla="*/ 0 h 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922000">
                    <a:moveTo>
                      <a:pt x="0" y="0"/>
                    </a:moveTo>
                    <a:lnTo>
                      <a:pt x="1092200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08" name="Rectangle 2">
                <a:extLst>
                  <a:ext uri="{FF2B5EF4-FFF2-40B4-BE49-F238E27FC236}">
                    <a16:creationId xmlns:a16="http://schemas.microsoft.com/office/drawing/2014/main" id="{9576B277-EDFA-4380-93D2-F64ACD393C24}"/>
                  </a:ext>
                </a:extLst>
              </p:cNvPr>
              <p:cNvSpPr/>
              <p:nvPr/>
            </p:nvSpPr>
            <p:spPr>
              <a:xfrm>
                <a:off x="635000" y="6223000"/>
                <a:ext cx="10922000" cy="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5588000 h 5679440"/>
                  <a:gd name="connsiteX1" fmla="*/ 0 w 10922000"/>
                  <a:gd name="connsiteY1" fmla="*/ 0 h 5679440"/>
                  <a:gd name="connsiteX2" fmla="*/ 10922000 w 10922000"/>
                  <a:gd name="connsiteY2" fmla="*/ 0 h 5679440"/>
                  <a:gd name="connsiteX3" fmla="*/ 10922000 w 10922000"/>
                  <a:gd name="connsiteY3" fmla="*/ 5588000 h 5679440"/>
                  <a:gd name="connsiteX4" fmla="*/ 91440 w 10922000"/>
                  <a:gd name="connsiteY4" fmla="*/ 5679440 h 5679440"/>
                  <a:gd name="connsiteX0" fmla="*/ 0 w 10922000"/>
                  <a:gd name="connsiteY0" fmla="*/ 5588000 h 5588000"/>
                  <a:gd name="connsiteX1" fmla="*/ 0 w 10922000"/>
                  <a:gd name="connsiteY1" fmla="*/ 0 h 5588000"/>
                  <a:gd name="connsiteX2" fmla="*/ 10922000 w 10922000"/>
                  <a:gd name="connsiteY2" fmla="*/ 0 h 5588000"/>
                  <a:gd name="connsiteX3" fmla="*/ 10922000 w 10922000"/>
                  <a:gd name="connsiteY3" fmla="*/ 5588000 h 5588000"/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0" fmla="*/ 0 w 10922000"/>
                  <a:gd name="connsiteY0" fmla="*/ 0 h 0"/>
                  <a:gd name="connsiteX1" fmla="*/ 10922000 w 10922000"/>
                  <a:gd name="connsiteY1" fmla="*/ 0 h 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922000">
                    <a:moveTo>
                      <a:pt x="0" y="0"/>
                    </a:moveTo>
                    <a:lnTo>
                      <a:pt x="1092200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3175" cap="flat" cmpd="sng" algn="ctr">
                <a:solidFill>
                  <a:srgbClr val="FF0096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</p:grpSp>
      </p:grpSp>
      <p:grpSp>
        <p:nvGrpSpPr>
          <p:cNvPr id="14" name="ContentMarks">
            <a:extLst>
              <a:ext uri="{FF2B5EF4-FFF2-40B4-BE49-F238E27FC236}">
                <a16:creationId xmlns:a16="http://schemas.microsoft.com/office/drawing/2014/main" id="{1772A38C-1560-46D4-A712-3529C8C7170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-480320" y="1573264"/>
            <a:ext cx="13097599" cy="4207256"/>
            <a:chOff x="-480320" y="1573264"/>
            <a:chExt cx="13097599" cy="4207256"/>
          </a:xfrm>
        </p:grpSpPr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74E5D326-7DDB-40F4-B69A-7B174D8F90F0}"/>
                </a:ext>
              </a:extLst>
            </p:cNvPr>
            <p:cNvGrpSpPr/>
            <p:nvPr userDrawn="1"/>
          </p:nvGrpSpPr>
          <p:grpSpPr>
            <a:xfrm>
              <a:off x="-480320" y="5422900"/>
              <a:ext cx="13084250" cy="0"/>
              <a:chOff x="-480320" y="5422900"/>
              <a:chExt cx="13084250" cy="0"/>
            </a:xfrm>
          </p:grpSpPr>
          <p:sp>
            <p:nvSpPr>
              <p:cNvPr id="8" name="Rectangle 3">
                <a:extLst>
                  <a:ext uri="{FF2B5EF4-FFF2-40B4-BE49-F238E27FC236}">
                    <a16:creationId xmlns:a16="http://schemas.microsoft.com/office/drawing/2014/main" id="{B8049DA0-8D9F-41C1-9A5E-4DEFB387C68F}"/>
                  </a:ext>
                </a:extLst>
              </p:cNvPr>
              <p:cNvSpPr/>
              <p:nvPr userDrawn="1"/>
            </p:nvSpPr>
            <p:spPr>
              <a:xfrm rot="5400000">
                <a:off x="12423930" y="5242900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12700" cap="flat" cmpd="sng" algn="ctr">
                <a:solidFill>
                  <a:srgbClr val="005AFF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35" name="Rectangle 3">
                <a:extLst>
                  <a:ext uri="{FF2B5EF4-FFF2-40B4-BE49-F238E27FC236}">
                    <a16:creationId xmlns:a16="http://schemas.microsoft.com/office/drawing/2014/main" id="{7A8DBF2E-E467-416B-8CEC-6E1F4D111D8B}"/>
                  </a:ext>
                </a:extLst>
              </p:cNvPr>
              <p:cNvSpPr/>
              <p:nvPr userDrawn="1"/>
            </p:nvSpPr>
            <p:spPr>
              <a:xfrm rot="5400000">
                <a:off x="-300320" y="5242900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12700" cap="flat" cmpd="sng" algn="ctr">
                <a:solidFill>
                  <a:srgbClr val="005AFF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45200224-9B58-4F85-8197-D6018928E99C}"/>
                </a:ext>
              </a:extLst>
            </p:cNvPr>
            <p:cNvGrpSpPr/>
            <p:nvPr userDrawn="1"/>
          </p:nvGrpSpPr>
          <p:grpSpPr>
            <a:xfrm>
              <a:off x="-480320" y="1573264"/>
              <a:ext cx="13084250" cy="267067"/>
              <a:chOff x="-480320" y="5475041"/>
              <a:chExt cx="13084250" cy="267067"/>
            </a:xfrm>
          </p:grpSpPr>
          <p:sp>
            <p:nvSpPr>
              <p:cNvPr id="137" name="Rectangle 3">
                <a:extLst>
                  <a:ext uri="{FF2B5EF4-FFF2-40B4-BE49-F238E27FC236}">
                    <a16:creationId xmlns:a16="http://schemas.microsoft.com/office/drawing/2014/main" id="{57F179E3-7FE4-432F-AE10-BC2388DFA663}"/>
                  </a:ext>
                </a:extLst>
              </p:cNvPr>
              <p:cNvSpPr/>
              <p:nvPr userDrawn="1"/>
            </p:nvSpPr>
            <p:spPr>
              <a:xfrm rot="5400000">
                <a:off x="12423930" y="5295041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12700" cap="flat" cmpd="sng" algn="ctr">
                <a:solidFill>
                  <a:srgbClr val="005AFF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38" name="Rectangle 3">
                <a:extLst>
                  <a:ext uri="{FF2B5EF4-FFF2-40B4-BE49-F238E27FC236}">
                    <a16:creationId xmlns:a16="http://schemas.microsoft.com/office/drawing/2014/main" id="{0E20C13E-B647-4708-AF6E-E577F084D731}"/>
                  </a:ext>
                </a:extLst>
              </p:cNvPr>
              <p:cNvSpPr/>
              <p:nvPr userDrawn="1"/>
            </p:nvSpPr>
            <p:spPr>
              <a:xfrm rot="5400000">
                <a:off x="-300320" y="5295041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12700" cap="flat" cmpd="sng" algn="ctr">
                <a:solidFill>
                  <a:srgbClr val="005AFF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8" name="Rectangle 3">
                <a:extLst>
                  <a:ext uri="{FF2B5EF4-FFF2-40B4-BE49-F238E27FC236}">
                    <a16:creationId xmlns:a16="http://schemas.microsoft.com/office/drawing/2014/main" id="{B172EB87-DFAD-E764-77A4-9E31A7CA8292}"/>
                  </a:ext>
                </a:extLst>
              </p:cNvPr>
              <p:cNvSpPr/>
              <p:nvPr userDrawn="1"/>
            </p:nvSpPr>
            <p:spPr>
              <a:xfrm rot="5400000">
                <a:off x="12423930" y="5562108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12700" cap="flat" cmpd="sng" algn="ctr">
                <a:solidFill>
                  <a:srgbClr val="005AFF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9" name="Rectangle 3">
                <a:extLst>
                  <a:ext uri="{FF2B5EF4-FFF2-40B4-BE49-F238E27FC236}">
                    <a16:creationId xmlns:a16="http://schemas.microsoft.com/office/drawing/2014/main" id="{470C5B11-C918-0C0D-DC6B-87DCF5A1759B}"/>
                  </a:ext>
                </a:extLst>
              </p:cNvPr>
              <p:cNvSpPr/>
              <p:nvPr userDrawn="1"/>
            </p:nvSpPr>
            <p:spPr>
              <a:xfrm rot="5400000">
                <a:off x="-300320" y="5562108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12700" cap="flat" cmpd="sng" algn="ctr">
                <a:solidFill>
                  <a:srgbClr val="005AFF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</p:grpSp>
        <p:grpSp>
          <p:nvGrpSpPr>
            <p:cNvPr id="139" name="Group 138">
              <a:extLst>
                <a:ext uri="{FF2B5EF4-FFF2-40B4-BE49-F238E27FC236}">
                  <a16:creationId xmlns:a16="http://schemas.microsoft.com/office/drawing/2014/main" id="{C30094C5-9285-41E8-BDC3-8D8CCE156352}"/>
                </a:ext>
              </a:extLst>
            </p:cNvPr>
            <p:cNvGrpSpPr/>
            <p:nvPr userDrawn="1"/>
          </p:nvGrpSpPr>
          <p:grpSpPr>
            <a:xfrm>
              <a:off x="-466971" y="5780520"/>
              <a:ext cx="13084250" cy="0"/>
              <a:chOff x="-480320" y="5422900"/>
              <a:chExt cx="13084250" cy="0"/>
            </a:xfrm>
          </p:grpSpPr>
          <p:sp>
            <p:nvSpPr>
              <p:cNvPr id="140" name="Rectangle 3">
                <a:extLst>
                  <a:ext uri="{FF2B5EF4-FFF2-40B4-BE49-F238E27FC236}">
                    <a16:creationId xmlns:a16="http://schemas.microsoft.com/office/drawing/2014/main" id="{AA561B33-D9F2-4D41-96A3-6021A3A407CD}"/>
                  </a:ext>
                </a:extLst>
              </p:cNvPr>
              <p:cNvSpPr/>
              <p:nvPr userDrawn="1"/>
            </p:nvSpPr>
            <p:spPr>
              <a:xfrm rot="5400000">
                <a:off x="12423930" y="5242900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12700" cap="flat" cmpd="sng" algn="ctr">
                <a:solidFill>
                  <a:srgbClr val="005AFF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41" name="Rectangle 3">
                <a:extLst>
                  <a:ext uri="{FF2B5EF4-FFF2-40B4-BE49-F238E27FC236}">
                    <a16:creationId xmlns:a16="http://schemas.microsoft.com/office/drawing/2014/main" id="{CE69C9A9-AB98-4085-9068-5F9C38423BE2}"/>
                  </a:ext>
                </a:extLst>
              </p:cNvPr>
              <p:cNvSpPr/>
              <p:nvPr userDrawn="1"/>
            </p:nvSpPr>
            <p:spPr>
              <a:xfrm rot="5400000">
                <a:off x="-300320" y="5242900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12700" cap="flat" cmpd="sng" algn="ctr">
                <a:solidFill>
                  <a:srgbClr val="005AFF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</p:grpSp>
        <p:grpSp>
          <p:nvGrpSpPr>
            <p:cNvPr id="142" name="Group 141">
              <a:extLst>
                <a:ext uri="{FF2B5EF4-FFF2-40B4-BE49-F238E27FC236}">
                  <a16:creationId xmlns:a16="http://schemas.microsoft.com/office/drawing/2014/main" id="{F1D7BF51-B8D0-4C7B-BFFC-5CC33DC96CB2}"/>
                </a:ext>
              </a:extLst>
            </p:cNvPr>
            <p:cNvGrpSpPr/>
            <p:nvPr userDrawn="1"/>
          </p:nvGrpSpPr>
          <p:grpSpPr>
            <a:xfrm>
              <a:off x="-480320" y="5156650"/>
              <a:ext cx="13084250" cy="0"/>
              <a:chOff x="-480320" y="5422900"/>
              <a:chExt cx="13084250" cy="0"/>
            </a:xfrm>
          </p:grpSpPr>
          <p:sp>
            <p:nvSpPr>
              <p:cNvPr id="143" name="Rectangle 3">
                <a:extLst>
                  <a:ext uri="{FF2B5EF4-FFF2-40B4-BE49-F238E27FC236}">
                    <a16:creationId xmlns:a16="http://schemas.microsoft.com/office/drawing/2014/main" id="{7DD18FC5-A272-4B71-99CE-922C9ED097D1}"/>
                  </a:ext>
                </a:extLst>
              </p:cNvPr>
              <p:cNvSpPr/>
              <p:nvPr userDrawn="1"/>
            </p:nvSpPr>
            <p:spPr>
              <a:xfrm rot="5400000">
                <a:off x="12423930" y="5242900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12700" cap="flat" cmpd="sng" algn="ctr">
                <a:solidFill>
                  <a:srgbClr val="00009E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  <p:sp>
            <p:nvSpPr>
              <p:cNvPr id="144" name="Rectangle 3">
                <a:extLst>
                  <a:ext uri="{FF2B5EF4-FFF2-40B4-BE49-F238E27FC236}">
                    <a16:creationId xmlns:a16="http://schemas.microsoft.com/office/drawing/2014/main" id="{3E919D0D-C649-4222-B349-34D331DEBFFE}"/>
                  </a:ext>
                </a:extLst>
              </p:cNvPr>
              <p:cNvSpPr/>
              <p:nvPr userDrawn="1"/>
            </p:nvSpPr>
            <p:spPr>
              <a:xfrm rot="5400000">
                <a:off x="-300320" y="5242900"/>
                <a:ext cx="0" cy="360000"/>
              </a:xfrm>
              <a:custGeom>
                <a:avLst/>
                <a:gdLst>
                  <a:gd name="connsiteX0" fmla="*/ 0 w 10922000"/>
                  <a:gd name="connsiteY0" fmla="*/ 0 h 5588000"/>
                  <a:gd name="connsiteX1" fmla="*/ 10922000 w 10922000"/>
                  <a:gd name="connsiteY1" fmla="*/ 0 h 5588000"/>
                  <a:gd name="connsiteX2" fmla="*/ 10922000 w 10922000"/>
                  <a:gd name="connsiteY2" fmla="*/ 5588000 h 5588000"/>
                  <a:gd name="connsiteX3" fmla="*/ 0 w 10922000"/>
                  <a:gd name="connsiteY3" fmla="*/ 5588000 h 5588000"/>
                  <a:gd name="connsiteX4" fmla="*/ 0 w 10922000"/>
                  <a:gd name="connsiteY4" fmla="*/ 0 h 5588000"/>
                  <a:gd name="connsiteX0" fmla="*/ 0 w 10922000"/>
                  <a:gd name="connsiteY0" fmla="*/ 0 h 5588000"/>
                  <a:gd name="connsiteX1" fmla="*/ 10922000 w 10922000"/>
                  <a:gd name="connsiteY1" fmla="*/ 5588000 h 5588000"/>
                  <a:gd name="connsiteX2" fmla="*/ 0 w 10922000"/>
                  <a:gd name="connsiteY2" fmla="*/ 5588000 h 5588000"/>
                  <a:gd name="connsiteX3" fmla="*/ 0 w 10922000"/>
                  <a:gd name="connsiteY3" fmla="*/ 0 h 5588000"/>
                  <a:gd name="connsiteX0" fmla="*/ 10922000 w 11013440"/>
                  <a:gd name="connsiteY0" fmla="*/ 5588000 h 5679440"/>
                  <a:gd name="connsiteX1" fmla="*/ 0 w 11013440"/>
                  <a:gd name="connsiteY1" fmla="*/ 5588000 h 5679440"/>
                  <a:gd name="connsiteX2" fmla="*/ 0 w 11013440"/>
                  <a:gd name="connsiteY2" fmla="*/ 0 h 5679440"/>
                  <a:gd name="connsiteX3" fmla="*/ 11013440 w 11013440"/>
                  <a:gd name="connsiteY3" fmla="*/ 5679440 h 5679440"/>
                  <a:gd name="connsiteX0" fmla="*/ 10922000 w 10922000"/>
                  <a:gd name="connsiteY0" fmla="*/ 5588000 h 5588000"/>
                  <a:gd name="connsiteX1" fmla="*/ 0 w 10922000"/>
                  <a:gd name="connsiteY1" fmla="*/ 5588000 h 5588000"/>
                  <a:gd name="connsiteX2" fmla="*/ 0 w 10922000"/>
                  <a:gd name="connsiteY2" fmla="*/ 0 h 5588000"/>
                  <a:gd name="connsiteX0" fmla="*/ 0 w 0"/>
                  <a:gd name="connsiteY0" fmla="*/ 5588000 h 5588000"/>
                  <a:gd name="connsiteX1" fmla="*/ 0 w 0"/>
                  <a:gd name="connsiteY1" fmla="*/ 0 h 55880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h="5588000">
                    <a:moveTo>
                      <a:pt x="0" y="5588000"/>
                    </a:moveTo>
                    <a:lnTo>
                      <a:pt x="0" y="0"/>
                    </a:lnTo>
                  </a:path>
                </a:pathLst>
              </a:custGeom>
              <a:solidFill>
                <a:srgbClr val="FF0096">
                  <a:alpha val="0"/>
                </a:srgbClr>
              </a:solidFill>
              <a:ln w="12700" cap="flat" cmpd="sng" algn="ctr">
                <a:solidFill>
                  <a:srgbClr val="00009E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nl-NL" sz="1800" dirty="0"/>
              </a:p>
            </p:txBody>
          </p:sp>
        </p:grpSp>
      </p:grpSp>
      <p:sp>
        <p:nvSpPr>
          <p:cNvPr id="4" name="Footer" descr="{&quot;templafy&quot;:{&quot;id&quot;:&quot;192b0559-78de-4cbb-a7af-63905845d584&quot;}}">
            <a:extLst>
              <a:ext uri="{FF2B5EF4-FFF2-40B4-BE49-F238E27FC236}">
                <a16:creationId xmlns:a16="http://schemas.microsoft.com/office/drawing/2014/main" id="{2B575ECD-4E07-630C-95C4-46662AAD03D3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1016355" y="6246243"/>
            <a:ext cx="4920890" cy="2148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ts val="200"/>
              </a:spcBef>
              <a:buFont typeface="Arial" panose="020B0604020202020204" pitchFamily="34" charset="0"/>
              <a:buNone/>
              <a:defRPr sz="2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10000"/>
              </a:lnSpc>
              <a:spcBef>
                <a:spcPts val="200"/>
              </a:spcBef>
              <a:buFont typeface="KPN Metric" panose="020B0504020101010102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/>
            <a:r>
              <a:rPr lang="nl-NL" sz="1400" dirty="0">
                <a:solidFill>
                  <a:schemeClr val="accent1"/>
                </a:solidFill>
              </a:rPr>
              <a:t>Ik ben toch helemaal niet interessant?</a:t>
            </a:r>
          </a:p>
        </p:txBody>
      </p:sp>
    </p:spTree>
    <p:extLst>
      <p:ext uri="{BB962C8B-B14F-4D97-AF65-F5344CB8AC3E}">
        <p14:creationId xmlns:p14="http://schemas.microsoft.com/office/powerpoint/2010/main" val="400245485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2" r:id="rId1"/>
    <p:sldLayoutId id="2147483746" r:id="rId2"/>
    <p:sldLayoutId id="2147483748" r:id="rId3"/>
    <p:sldLayoutId id="2147483749" r:id="rId4"/>
    <p:sldLayoutId id="2147483733" r:id="rId5"/>
    <p:sldLayoutId id="2147483750" r:id="rId6"/>
    <p:sldLayoutId id="2147483677" r:id="rId7"/>
    <p:sldLayoutId id="2147483676" r:id="rId8"/>
    <p:sldLayoutId id="2147483688" r:id="rId9"/>
    <p:sldLayoutId id="2147483697" r:id="rId10"/>
    <p:sldLayoutId id="2147483734" r:id="rId11"/>
    <p:sldLayoutId id="2147483698" r:id="rId12"/>
    <p:sldLayoutId id="2147483699" r:id="rId13"/>
    <p:sldLayoutId id="2147483701" r:id="rId14"/>
    <p:sldLayoutId id="2147483703" r:id="rId15"/>
    <p:sldLayoutId id="2147483704" r:id="rId16"/>
    <p:sldLayoutId id="2147483683" r:id="rId17"/>
    <p:sldLayoutId id="2147483708" r:id="rId18"/>
    <p:sldLayoutId id="2147483709" r:id="rId19"/>
    <p:sldLayoutId id="2147483712" r:id="rId20"/>
    <p:sldLayoutId id="2147483713" r:id="rId21"/>
    <p:sldLayoutId id="2147483735" r:id="rId22"/>
    <p:sldLayoutId id="2147483736" r:id="rId23"/>
    <p:sldLayoutId id="2147483716" r:id="rId24"/>
    <p:sldLayoutId id="2147483742" r:id="rId25"/>
    <p:sldLayoutId id="2147483719" r:id="rId26"/>
    <p:sldLayoutId id="2147483690" r:id="rId27"/>
    <p:sldLayoutId id="2147483744" r:id="rId28"/>
    <p:sldLayoutId id="2147483691" r:id="rId29"/>
    <p:sldLayoutId id="2147483751" r:id="rId30"/>
    <p:sldLayoutId id="2147483752" r:id="rId31"/>
    <p:sldLayoutId id="2147483722" r:id="rId32"/>
  </p:sldLayoutIdLst>
  <p:hf hdr="0" dt="0"/>
  <p:txStyles>
    <p:titleStyle>
      <a:lvl1pPr algn="l" defTabSz="914397" rtl="0" eaLnBrk="1" latinLnBrk="0" hangingPunct="1">
        <a:lnSpc>
          <a:spcPct val="75000"/>
        </a:lnSpc>
        <a:spcBef>
          <a:spcPct val="0"/>
        </a:spcBef>
        <a:buNone/>
        <a:defRPr sz="4000" b="0" kern="1200">
          <a:solidFill>
            <a:srgbClr val="00C300"/>
          </a:solidFill>
          <a:latin typeface="+mj-lt"/>
          <a:ea typeface="+mj-ea"/>
          <a:cs typeface="+mj-cs"/>
        </a:defRPr>
      </a:lvl1pPr>
    </p:titleStyle>
    <p:bodyStyle>
      <a:lvl1pPr marL="0" indent="0" algn="l" defTabSz="914397" rtl="0" eaLnBrk="1" latinLnBrk="0" hangingPunct="1">
        <a:lnSpc>
          <a:spcPct val="110000"/>
        </a:lnSpc>
        <a:spcBef>
          <a:spcPts val="200"/>
        </a:spcBef>
        <a:buFont typeface="Arial" panose="020B0604020202020204" pitchFamily="34" charset="0"/>
        <a:buChar char="​"/>
        <a:defRPr sz="1800" b="0" kern="1200">
          <a:solidFill>
            <a:schemeClr val="tx1"/>
          </a:solidFill>
          <a:latin typeface="KPN" panose="020B0504010101010104" pitchFamily="34" charset="0"/>
          <a:ea typeface="+mn-ea"/>
          <a:cs typeface="+mn-cs"/>
        </a:defRPr>
      </a:lvl1pPr>
      <a:lvl2pPr marL="252000" indent="-252000" algn="l" defTabSz="914397" rtl="0" eaLnBrk="1" latinLnBrk="0" hangingPunct="1">
        <a:lnSpc>
          <a:spcPct val="110000"/>
        </a:lnSpc>
        <a:spcBef>
          <a:spcPts val="200"/>
        </a:spcBef>
        <a:buFont typeface="KPN Metric" panose="020B0504020101010102" pitchFamily="34" charset="0"/>
        <a:buChar char="•"/>
        <a:defRPr sz="1800" b="0" kern="1200">
          <a:solidFill>
            <a:schemeClr val="tx1"/>
          </a:solidFill>
          <a:latin typeface="KPN" panose="020B0504010101010104" pitchFamily="34" charset="0"/>
          <a:ea typeface="+mn-ea"/>
          <a:cs typeface="+mn-cs"/>
        </a:defRPr>
      </a:lvl2pPr>
      <a:lvl3pPr marL="503997" indent="-252000" algn="l" defTabSz="914397" rtl="0" eaLnBrk="1" latinLnBrk="0" hangingPunct="1">
        <a:lnSpc>
          <a:spcPct val="110000"/>
        </a:lnSpc>
        <a:spcBef>
          <a:spcPts val="200"/>
        </a:spcBef>
        <a:buFont typeface="KPN Metric" panose="020B0504020101010102" pitchFamily="34" charset="0"/>
        <a:buChar char="•"/>
        <a:defRPr sz="1800" b="0" kern="1200">
          <a:solidFill>
            <a:schemeClr val="tx1"/>
          </a:solidFill>
          <a:latin typeface="KPN" panose="020B0504010101010104" pitchFamily="34" charset="0"/>
          <a:ea typeface="+mn-ea"/>
          <a:cs typeface="+mn-cs"/>
        </a:defRPr>
      </a:lvl3pPr>
      <a:lvl4pPr marL="755997" indent="-252000" algn="l" defTabSz="914397" rtl="0" eaLnBrk="1" latinLnBrk="0" hangingPunct="1">
        <a:lnSpc>
          <a:spcPct val="110000"/>
        </a:lnSpc>
        <a:spcBef>
          <a:spcPts val="200"/>
        </a:spcBef>
        <a:buFont typeface="KPN Metric" panose="020B0504020101010102" pitchFamily="34" charset="0"/>
        <a:buChar char="•"/>
        <a:defRPr sz="1800" b="0" kern="1200">
          <a:solidFill>
            <a:schemeClr val="tx1"/>
          </a:solidFill>
          <a:latin typeface="KPN" panose="020B0504010101010104" pitchFamily="34" charset="0"/>
          <a:ea typeface="+mn-ea"/>
          <a:cs typeface="+mn-cs"/>
        </a:defRPr>
      </a:lvl4pPr>
      <a:lvl5pPr marL="1007997" indent="-252000" algn="l" defTabSz="914397" rtl="0" eaLnBrk="1" latinLnBrk="0" hangingPunct="1">
        <a:lnSpc>
          <a:spcPct val="110000"/>
        </a:lnSpc>
        <a:spcBef>
          <a:spcPts val="200"/>
        </a:spcBef>
        <a:buFont typeface="KPN Metric" panose="020B0504020101010102" pitchFamily="34" charset="0"/>
        <a:buChar char="•"/>
        <a:defRPr sz="1800" b="0" kern="1200">
          <a:solidFill>
            <a:schemeClr val="tx1"/>
          </a:solidFill>
          <a:latin typeface="KPN" panose="020B0504010101010104" pitchFamily="34" charset="0"/>
          <a:ea typeface="+mn-ea"/>
          <a:cs typeface="+mn-cs"/>
        </a:defRPr>
      </a:lvl5pPr>
      <a:lvl6pPr marL="1259997" indent="-252000" algn="l" defTabSz="914397" rtl="0" eaLnBrk="1" latinLnBrk="0" hangingPunct="1">
        <a:lnSpc>
          <a:spcPct val="110000"/>
        </a:lnSpc>
        <a:spcBef>
          <a:spcPts val="200"/>
        </a:spcBef>
        <a:buFont typeface="KPN Metric" panose="020B0504020101010102" pitchFamily="34" charset="0"/>
        <a:buChar char="•"/>
        <a:defRPr lang="nl-NL" sz="1800" b="0" kern="1200" dirty="0">
          <a:solidFill>
            <a:schemeClr val="tx1"/>
          </a:solidFill>
          <a:latin typeface="KPN" panose="020B0504010101010104" pitchFamily="34" charset="0"/>
          <a:ea typeface="+mn-ea"/>
          <a:cs typeface="+mn-cs"/>
        </a:defRPr>
      </a:lvl6pPr>
      <a:lvl7pPr marL="2971791" indent="-228597" algn="l" defTabSz="914397" rtl="0" eaLnBrk="1" latinLnBrk="0" hangingPunct="1">
        <a:lnSpc>
          <a:spcPct val="90000"/>
        </a:lnSpc>
        <a:spcBef>
          <a:spcPts val="501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991" indent="-228597" algn="l" defTabSz="914397" rtl="0" eaLnBrk="1" latinLnBrk="0" hangingPunct="1">
        <a:lnSpc>
          <a:spcPct val="90000"/>
        </a:lnSpc>
        <a:spcBef>
          <a:spcPts val="501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188" indent="-228597" algn="l" defTabSz="914397" rtl="0" eaLnBrk="1" latinLnBrk="0" hangingPunct="1">
        <a:lnSpc>
          <a:spcPct val="90000"/>
        </a:lnSpc>
        <a:spcBef>
          <a:spcPts val="501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39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39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97" algn="l" defTabSz="91439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94" algn="l" defTabSz="91439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94" algn="l" defTabSz="91439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994" algn="l" defTabSz="91439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191" algn="l" defTabSz="91439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391" algn="l" defTabSz="91439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588" algn="l" defTabSz="91439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1" userDrawn="1">
          <p15:clr>
            <a:srgbClr val="D6D6D6"/>
          </p15:clr>
        </p15:guide>
        <p15:guide id="32" pos="7680" userDrawn="1">
          <p15:clr>
            <a:srgbClr val="D6D6D6"/>
          </p15:clr>
        </p15:guide>
        <p15:guide id="33" pos="400" userDrawn="1">
          <p15:clr>
            <a:srgbClr val="D6D6D6"/>
          </p15:clr>
        </p15:guide>
        <p15:guide id="34" pos="790" userDrawn="1">
          <p15:clr>
            <a:srgbClr val="D6D6D6"/>
          </p15:clr>
        </p15:guide>
        <p15:guide id="35" pos="1005" userDrawn="1">
          <p15:clr>
            <a:srgbClr val="D6D6D6"/>
          </p15:clr>
        </p15:guide>
        <p15:guide id="36" pos="1380" userDrawn="1">
          <p15:clr>
            <a:srgbClr val="D6D6D6"/>
          </p15:clr>
        </p15:guide>
        <p15:guide id="37" pos="1580" userDrawn="1">
          <p15:clr>
            <a:srgbClr val="D6D6D6"/>
          </p15:clr>
        </p15:guide>
        <p15:guide id="38" pos="1970" userDrawn="1">
          <p15:clr>
            <a:srgbClr val="D6D6D6"/>
          </p15:clr>
        </p15:guide>
        <p15:guide id="39" pos="2170" userDrawn="1">
          <p15:clr>
            <a:srgbClr val="D6D6D6"/>
          </p15:clr>
        </p15:guide>
        <p15:guide id="40" pos="2560" userDrawn="1">
          <p15:clr>
            <a:srgbClr val="D6D6D6"/>
          </p15:clr>
        </p15:guide>
        <p15:guide id="41" pos="2760" userDrawn="1">
          <p15:clr>
            <a:srgbClr val="D6D6D6"/>
          </p15:clr>
        </p15:guide>
        <p15:guide id="42" pos="3150" userDrawn="1">
          <p15:clr>
            <a:srgbClr val="D6D6D6"/>
          </p15:clr>
        </p15:guide>
        <p15:guide id="43" pos="3350" userDrawn="1">
          <p15:clr>
            <a:srgbClr val="D6D6D6"/>
          </p15:clr>
        </p15:guide>
        <p15:guide id="44" pos="3740" userDrawn="1">
          <p15:clr>
            <a:srgbClr val="D6D6D6"/>
          </p15:clr>
        </p15:guide>
        <p15:guide id="45" pos="3940" userDrawn="1">
          <p15:clr>
            <a:srgbClr val="D6D6D6"/>
          </p15:clr>
        </p15:guide>
        <p15:guide id="46" pos="4330" userDrawn="1">
          <p15:clr>
            <a:srgbClr val="D6D6D6"/>
          </p15:clr>
        </p15:guide>
        <p15:guide id="47" pos="4530" userDrawn="1">
          <p15:clr>
            <a:srgbClr val="D6D6D6"/>
          </p15:clr>
        </p15:guide>
        <p15:guide id="48" pos="4920" userDrawn="1">
          <p15:clr>
            <a:srgbClr val="D6D6D6"/>
          </p15:clr>
        </p15:guide>
        <p15:guide id="49" pos="5120" userDrawn="1">
          <p15:clr>
            <a:srgbClr val="D6D6D6"/>
          </p15:clr>
        </p15:guide>
        <p15:guide id="50" pos="5510" userDrawn="1">
          <p15:clr>
            <a:srgbClr val="D6D6D6"/>
          </p15:clr>
        </p15:guide>
        <p15:guide id="51" pos="5710" userDrawn="1">
          <p15:clr>
            <a:srgbClr val="D6D6D6"/>
          </p15:clr>
        </p15:guide>
        <p15:guide id="52" pos="6100" userDrawn="1">
          <p15:clr>
            <a:srgbClr val="D6D6D6"/>
          </p15:clr>
        </p15:guide>
        <p15:guide id="53" pos="6300" userDrawn="1">
          <p15:clr>
            <a:srgbClr val="D6D6D6"/>
          </p15:clr>
        </p15:guide>
        <p15:guide id="54" pos="6690" userDrawn="1">
          <p15:clr>
            <a:srgbClr val="D6D6D6"/>
          </p15:clr>
        </p15:guide>
        <p15:guide id="55" pos="6890" userDrawn="1">
          <p15:clr>
            <a:srgbClr val="D6D6D6"/>
          </p15:clr>
        </p15:guide>
        <p15:guide id="56" pos="7280" userDrawn="1">
          <p15:clr>
            <a:srgbClr val="D6D6D6"/>
          </p15:clr>
        </p15:guide>
        <p15:guide id="57" orient="horz" userDrawn="1">
          <p15:clr>
            <a:srgbClr val="D6D6D6"/>
          </p15:clr>
        </p15:guide>
        <p15:guide id="58" orient="horz" pos="4320" userDrawn="1">
          <p15:clr>
            <a:srgbClr val="D6D6D6"/>
          </p15:clr>
        </p15:guide>
        <p15:guide id="59" orient="horz" pos="400" userDrawn="1">
          <p15:clr>
            <a:srgbClr val="D6D6D6"/>
          </p15:clr>
        </p15:guide>
        <p15:guide id="60" orient="horz" pos="3920" userDrawn="1">
          <p15:clr>
            <a:srgbClr val="D6D6D6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g"/><Relationship Id="rId1" Type="http://schemas.openxmlformats.org/officeDocument/2006/relationships/slideLayout" Target="../slideLayouts/slideLayout1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jp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Relationship Id="rId9" Type="http://schemas.openxmlformats.org/officeDocument/2006/relationships/hyperlink" Target="https://www.wallpaperflare.com/hacker-man-illustration-mr-robot-tv-hacking-hackers-binary-wallpaper-wgi/download/1600x900" TargetMode="Externa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2" Type="http://schemas.openxmlformats.org/officeDocument/2006/relationships/image" Target="../media/image12.jp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16.png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g"/><Relationship Id="rId1" Type="http://schemas.openxmlformats.org/officeDocument/2006/relationships/slideLayout" Target="../slideLayouts/slideLayout18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hyperlink" Target="https://www.kpn.com/beterinternet" TargetMode="Externa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21.png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freepngimg.com/png/61254-emoticon-icons-mark-computer-tick-check-emoji" TargetMode="External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jpg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66A962-39E2-8274-72AE-0DCD35C5077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35000" y="2535920"/>
            <a:ext cx="8110800" cy="1136720"/>
          </a:xfrm>
        </p:spPr>
        <p:txBody>
          <a:bodyPr/>
          <a:lstStyle/>
          <a:p>
            <a:r>
              <a:rPr lang="nl-NL" dirty="0"/>
              <a:t>Cybersecurity voor MKB en ZZP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4BDA46F-9D19-0ACA-AF8E-A84B99AEAC8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35000" y="3791046"/>
            <a:ext cx="8110800" cy="574306"/>
          </a:xfrm>
        </p:spPr>
        <p:txBody>
          <a:bodyPr/>
          <a:lstStyle/>
          <a:p>
            <a:r>
              <a:rPr lang="nl-NL" dirty="0"/>
              <a:t>Waarom ben ik interessant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6010674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E342A98-E3DB-E94A-6578-95CEC610ABC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635000" y="6250882"/>
            <a:ext cx="360000" cy="179023"/>
          </a:xfrm>
        </p:spPr>
        <p:txBody>
          <a:bodyPr anchor="t">
            <a:normAutofit/>
          </a:bodyPr>
          <a:lstStyle/>
          <a:p>
            <a:pPr marL="0" marR="0" lvl="0" indent="0" algn="l" defTabSz="914400" rtl="0" eaLnBrk="1" fontAlgn="auto" latinLnBrk="0" hangingPunct="1">
              <a:lnSpc>
                <a:spcPct val="83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fld id="{A978B2FF-0EC6-496A-9F3F-A37EF0BEACA5}" type="slidenum">
              <a:rPr kumimoji="0" lang="nl-NL" sz="1300" b="0" i="0" u="none" strike="noStrike" kern="1200" cap="none" spc="0" normalizeH="0" baseline="0" noProof="0" smtClean="0">
                <a:ln>
                  <a:noFill/>
                </a:ln>
                <a:solidFill>
                  <a:srgbClr val="00C300"/>
                </a:solidFill>
                <a:effectLst/>
                <a:uLnTx/>
                <a:uFillTx/>
                <a:latin typeface="KPN Ligh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83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nl-NL" sz="1300" b="0" i="0" u="none" strike="noStrike" kern="1200" cap="none" spc="0" normalizeH="0" baseline="0" noProof="0">
              <a:ln>
                <a:noFill/>
              </a:ln>
              <a:solidFill>
                <a:srgbClr val="00C300"/>
              </a:solidFill>
              <a:effectLst/>
              <a:uLnTx/>
              <a:uFillTx/>
              <a:latin typeface="KPN Light"/>
              <a:ea typeface="+mn-ea"/>
              <a:cs typeface="+mn-cs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C163AB7-FF78-B678-1D9E-15D13336744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600" y="605631"/>
            <a:ext cx="10922400" cy="604039"/>
          </a:xfrm>
        </p:spPr>
        <p:txBody>
          <a:bodyPr anchor="ctr">
            <a:normAutofit/>
          </a:bodyPr>
          <a:lstStyle/>
          <a:p>
            <a:r>
              <a:rPr lang="nl-NL" dirty="0"/>
              <a:t>Wat kan ik er aan doen?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EBBF2FA-3D89-7C70-9A52-08B9253DB3C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35000" y="1208602"/>
            <a:ext cx="10922000" cy="391598"/>
          </a:xfrm>
        </p:spPr>
        <p:txBody>
          <a:bodyPr anchor="ctr">
            <a:normAutofit/>
          </a:bodyPr>
          <a:lstStyle/>
          <a:p>
            <a:pPr>
              <a:lnSpc>
                <a:spcPct val="100000"/>
              </a:lnSpc>
            </a:pPr>
            <a:r>
              <a:rPr lang="nl-NL" sz="2400" dirty="0"/>
              <a:t>Basis maatregelen - 2</a:t>
            </a:r>
          </a:p>
        </p:txBody>
      </p:sp>
      <p:graphicFrame>
        <p:nvGraphicFramePr>
          <p:cNvPr id="8" name="Content Placeholder 1">
            <a:extLst>
              <a:ext uri="{FF2B5EF4-FFF2-40B4-BE49-F238E27FC236}">
                <a16:creationId xmlns:a16="http://schemas.microsoft.com/office/drawing/2014/main" id="{F8B9D1E8-5228-B9A9-2F0C-317FFC49D050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464631596"/>
              </p:ext>
            </p:extLst>
          </p:nvPr>
        </p:nvGraphicFramePr>
        <p:xfrm>
          <a:off x="635007" y="2171270"/>
          <a:ext cx="9377211" cy="360925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41268963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E342A98-E3DB-E94A-6578-95CEC610ABC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635000" y="6250882"/>
            <a:ext cx="360000" cy="179023"/>
          </a:xfrm>
        </p:spPr>
        <p:txBody>
          <a:bodyPr anchor="t">
            <a:normAutofit/>
          </a:bodyPr>
          <a:lstStyle/>
          <a:p>
            <a:pPr marL="0" marR="0" lvl="0" indent="0" algn="l" defTabSz="914400" rtl="0" eaLnBrk="1" fontAlgn="auto" latinLnBrk="0" hangingPunct="1">
              <a:lnSpc>
                <a:spcPct val="83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fld id="{A978B2FF-0EC6-496A-9F3F-A37EF0BEACA5}" type="slidenum">
              <a:rPr kumimoji="0" lang="nl-NL" sz="1300" b="0" i="0" u="none" strike="noStrike" kern="1200" cap="none" spc="0" normalizeH="0" baseline="0" noProof="0" smtClean="0">
                <a:ln>
                  <a:noFill/>
                </a:ln>
                <a:solidFill>
                  <a:srgbClr val="00C300"/>
                </a:solidFill>
                <a:effectLst/>
                <a:uLnTx/>
                <a:uFillTx/>
                <a:latin typeface="KPN Ligh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83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nl-NL" sz="1300" b="0" i="0" u="none" strike="noStrike" kern="1200" cap="none" spc="0" normalizeH="0" baseline="0" noProof="0">
              <a:ln>
                <a:noFill/>
              </a:ln>
              <a:solidFill>
                <a:srgbClr val="00C300"/>
              </a:solidFill>
              <a:effectLst/>
              <a:uLnTx/>
              <a:uFillTx/>
              <a:latin typeface="KPN Light"/>
              <a:ea typeface="+mn-ea"/>
              <a:cs typeface="+mn-cs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C163AB7-FF78-B678-1D9E-15D13336744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600" y="605631"/>
            <a:ext cx="10922400" cy="604039"/>
          </a:xfrm>
        </p:spPr>
        <p:txBody>
          <a:bodyPr anchor="ctr">
            <a:normAutofit/>
          </a:bodyPr>
          <a:lstStyle/>
          <a:p>
            <a:r>
              <a:rPr lang="nl-NL" dirty="0"/>
              <a:t>Wat kan ik er aan doen?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EBBF2FA-3D89-7C70-9A52-08B9253DB3C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35000" y="1208602"/>
            <a:ext cx="10922000" cy="391598"/>
          </a:xfrm>
        </p:spPr>
        <p:txBody>
          <a:bodyPr anchor="ctr">
            <a:normAutofit/>
          </a:bodyPr>
          <a:lstStyle/>
          <a:p>
            <a:pPr>
              <a:lnSpc>
                <a:spcPct val="100000"/>
              </a:lnSpc>
            </a:pPr>
            <a:r>
              <a:rPr lang="nl-NL" sz="2400" dirty="0"/>
              <a:t>Basis maatregelen - 2</a:t>
            </a:r>
          </a:p>
        </p:txBody>
      </p:sp>
      <p:graphicFrame>
        <p:nvGraphicFramePr>
          <p:cNvPr id="8" name="Content Placeholder 1">
            <a:extLst>
              <a:ext uri="{FF2B5EF4-FFF2-40B4-BE49-F238E27FC236}">
                <a16:creationId xmlns:a16="http://schemas.microsoft.com/office/drawing/2014/main" id="{F8B9D1E8-5228-B9A9-2F0C-317FFC49D050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4042068338"/>
              </p:ext>
            </p:extLst>
          </p:nvPr>
        </p:nvGraphicFramePr>
        <p:xfrm>
          <a:off x="635007" y="2171270"/>
          <a:ext cx="9377211" cy="360925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410216383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E342A98-E3DB-E94A-6578-95CEC610ABC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635000" y="6250882"/>
            <a:ext cx="360000" cy="179023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A978B2FF-0EC6-496A-9F3F-A37EF0BEACA5}" type="slidenum">
              <a:rPr lang="nl-NL" sz="1300" smtClean="0"/>
              <a:pPr>
                <a:spcAft>
                  <a:spcPts val="600"/>
                </a:spcAft>
              </a:pPr>
              <a:t>12</a:t>
            </a:fld>
            <a:endParaRPr lang="nl-NL" sz="130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C163AB7-FF78-B678-1D9E-15D13336744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600" y="605631"/>
            <a:ext cx="10922400" cy="604039"/>
          </a:xfrm>
        </p:spPr>
        <p:txBody>
          <a:bodyPr anchor="ctr">
            <a:normAutofit/>
          </a:bodyPr>
          <a:lstStyle/>
          <a:p>
            <a:r>
              <a:rPr lang="nl-NL" dirty="0"/>
              <a:t>Wat kan ik er aan doen?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EBBF2FA-3D89-7C70-9A52-08B9253DB3C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35000" y="1208602"/>
            <a:ext cx="10922000" cy="391598"/>
          </a:xfrm>
        </p:spPr>
        <p:txBody>
          <a:bodyPr anchor="ctr">
            <a:normAutofit/>
          </a:bodyPr>
          <a:lstStyle/>
          <a:p>
            <a:pPr>
              <a:lnSpc>
                <a:spcPct val="100000"/>
              </a:lnSpc>
            </a:pPr>
            <a:r>
              <a:rPr lang="nl-NL" sz="2400" dirty="0"/>
              <a:t>Basis maatregelen - 3</a:t>
            </a:r>
          </a:p>
        </p:txBody>
      </p:sp>
      <p:graphicFrame>
        <p:nvGraphicFramePr>
          <p:cNvPr id="8" name="Content Placeholder 1">
            <a:extLst>
              <a:ext uri="{FF2B5EF4-FFF2-40B4-BE49-F238E27FC236}">
                <a16:creationId xmlns:a16="http://schemas.microsoft.com/office/drawing/2014/main" id="{F8B9D1E8-5228-B9A9-2F0C-317FFC49D050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2449375638"/>
              </p:ext>
            </p:extLst>
          </p:nvPr>
        </p:nvGraphicFramePr>
        <p:xfrm>
          <a:off x="635007" y="2171270"/>
          <a:ext cx="9377211" cy="360925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4927010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Content Placeholder 7" descr="Stressed man at workshop">
            <a:extLst>
              <a:ext uri="{FF2B5EF4-FFF2-40B4-BE49-F238E27FC236}">
                <a16:creationId xmlns:a16="http://schemas.microsoft.com/office/drawing/2014/main" id="{440EAC6A-B921-71B5-5F82-4D88108FE63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l="5052" r="2381" b="2"/>
          <a:stretch/>
        </p:blipFill>
        <p:spPr>
          <a:xfrm>
            <a:off x="635001" y="1903751"/>
            <a:ext cx="5302249" cy="3823352"/>
          </a:xfrm>
          <a:noFill/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97BAADB1-3DCA-5D50-C94D-DB52880B5B9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54200" y="1840330"/>
            <a:ext cx="5302800" cy="3960000"/>
          </a:xfrm>
        </p:spPr>
        <p:txBody>
          <a:bodyPr anchor="t">
            <a:normAutofit/>
          </a:bodyPr>
          <a:lstStyle/>
          <a:p>
            <a:r>
              <a:rPr lang="nl-NL" dirty="0"/>
              <a:t>1. Meld het bij de politie!</a:t>
            </a:r>
          </a:p>
          <a:p>
            <a:endParaRPr lang="nl-NL" dirty="0"/>
          </a:p>
          <a:p>
            <a:r>
              <a:rPr lang="nl-NL" dirty="0"/>
              <a:t>2. Schaam je er niet voor en licht medewerkers, instanties, klanten en leveranciers in</a:t>
            </a:r>
          </a:p>
          <a:p>
            <a:endParaRPr lang="nl-NL" dirty="0"/>
          </a:p>
          <a:p>
            <a:r>
              <a:rPr lang="nl-NL" dirty="0"/>
              <a:t>3. BETAAL NIET!!!</a:t>
            </a:r>
          </a:p>
          <a:p>
            <a:pPr lvl="2">
              <a:buFont typeface="Wingdings" panose="05000000000000000000" pitchFamily="2" charset="2"/>
              <a:buChar char="q"/>
            </a:pPr>
            <a:r>
              <a:rPr lang="nl-NL" dirty="0"/>
              <a:t>Zo hou je criminaliteit in stand</a:t>
            </a:r>
          </a:p>
          <a:p>
            <a:pPr lvl="2">
              <a:buFont typeface="Wingdings" panose="05000000000000000000" pitchFamily="2" charset="2"/>
              <a:buChar char="q"/>
            </a:pPr>
            <a:r>
              <a:rPr lang="nl-NL" dirty="0"/>
              <a:t>Je bent niet zeker of je de toegang terug krijg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B9FB505-8AF4-C25D-D95B-471F2066DC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635000" y="6250882"/>
            <a:ext cx="360000" cy="179023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A978B2FF-0EC6-496A-9F3F-A37EF0BEACA5}" type="slidenum">
              <a:rPr lang="nl-NL" sz="1300" smtClean="0"/>
              <a:pPr>
                <a:spcAft>
                  <a:spcPts val="600"/>
                </a:spcAft>
              </a:pPr>
              <a:t>13</a:t>
            </a:fld>
            <a:endParaRPr lang="nl-NL" sz="130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5378D3D-9F7B-10A4-D952-E4A43CCB8B5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600" y="605631"/>
            <a:ext cx="10922400" cy="604039"/>
          </a:xfrm>
        </p:spPr>
        <p:txBody>
          <a:bodyPr anchor="ctr">
            <a:normAutofit/>
          </a:bodyPr>
          <a:lstStyle/>
          <a:p>
            <a:r>
              <a:rPr lang="nl-NL" dirty="0"/>
              <a:t>Gehack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DA9A980-9E54-AE96-9287-B1BA43FDF63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35000" y="1208602"/>
            <a:ext cx="10922000" cy="391598"/>
          </a:xfrm>
        </p:spPr>
        <p:txBody>
          <a:bodyPr anchor="ctr">
            <a:normAutofit/>
          </a:bodyPr>
          <a:lstStyle/>
          <a:p>
            <a:pPr>
              <a:lnSpc>
                <a:spcPct val="100000"/>
              </a:lnSpc>
            </a:pPr>
            <a:r>
              <a:rPr lang="nl-NL" sz="2400"/>
              <a:t>En dan?</a:t>
            </a:r>
          </a:p>
        </p:txBody>
      </p:sp>
    </p:spTree>
    <p:extLst>
      <p:ext uri="{BB962C8B-B14F-4D97-AF65-F5344CB8AC3E}">
        <p14:creationId xmlns:p14="http://schemas.microsoft.com/office/powerpoint/2010/main" val="314621112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Content Placeholder 7" descr="A person with his arms crossed&#10;&#10;Description automatically generated">
            <a:extLst>
              <a:ext uri="{FF2B5EF4-FFF2-40B4-BE49-F238E27FC236}">
                <a16:creationId xmlns:a16="http://schemas.microsoft.com/office/drawing/2014/main" id="{F53005FE-2CB2-FEF3-2821-D4143A80C6F1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2"/>
          <a:srcRect r="1" b="13370"/>
          <a:stretch/>
        </p:blipFill>
        <p:spPr>
          <a:xfrm>
            <a:off x="6254750" y="4"/>
            <a:ext cx="5937250" cy="6857999"/>
          </a:xfrm>
          <a:noFill/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C4E31A23-73AA-FA8C-58B0-55AC7AE00B1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34448" y="2010758"/>
            <a:ext cx="5302800" cy="2069010"/>
          </a:xfrm>
        </p:spPr>
        <p:txBody>
          <a:bodyPr anchor="b">
            <a:normAutofit/>
          </a:bodyPr>
          <a:lstStyle/>
          <a:p>
            <a:r>
              <a:rPr lang="nl-NL" dirty="0"/>
              <a:t>Introductie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27470C4-5041-452F-074A-C3186B6179B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34448" y="4198176"/>
            <a:ext cx="5302800" cy="574162"/>
          </a:xfrm>
        </p:spPr>
        <p:txBody>
          <a:bodyPr anchor="t">
            <a:normAutofit/>
          </a:bodyPr>
          <a:lstStyle/>
          <a:p>
            <a:r>
              <a:rPr lang="nl-NL"/>
              <a:t>Wie ben ik?</a:t>
            </a:r>
            <a:endParaRPr lang="nl-NL" dirty="0"/>
          </a:p>
        </p:txBody>
      </p:sp>
      <p:sp>
        <p:nvSpPr>
          <p:cNvPr id="4" name="Slide Number Placeholder 3" hidden="1">
            <a:extLst>
              <a:ext uri="{FF2B5EF4-FFF2-40B4-BE49-F238E27FC236}">
                <a16:creationId xmlns:a16="http://schemas.microsoft.com/office/drawing/2014/main" id="{8B0B3EF2-CDFC-4FC0-2AFE-066648B6A941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635000" y="6250882"/>
            <a:ext cx="360000" cy="179023"/>
          </a:xfrm>
        </p:spPr>
        <p:txBody>
          <a:bodyPr/>
          <a:lstStyle/>
          <a:p>
            <a:pPr>
              <a:spcAft>
                <a:spcPts val="600"/>
              </a:spcAft>
            </a:pPr>
            <a:fld id="{A978B2FF-0EC6-496A-9F3F-A37EF0BEACA5}" type="slidenum">
              <a:rPr lang="nl-NL" smtClean="0"/>
              <a:pPr>
                <a:spcAft>
                  <a:spcPts val="600"/>
                </a:spcAft>
              </a:pPr>
              <a:t>2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50276726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Slide Number Placeholder 3">
            <a:extLst>
              <a:ext uri="{FF2B5EF4-FFF2-40B4-BE49-F238E27FC236}">
                <a16:creationId xmlns:a16="http://schemas.microsoft.com/office/drawing/2014/main" id="{E7C474AE-DEE9-12F7-3E4B-16B1FF9E2B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635000" y="6250882"/>
            <a:ext cx="360000" cy="179023"/>
          </a:xfrm>
        </p:spPr>
        <p:txBody>
          <a:bodyPr/>
          <a:lstStyle/>
          <a:p>
            <a:pPr>
              <a:spcAft>
                <a:spcPts val="600"/>
              </a:spcAft>
            </a:pPr>
            <a:fld id="{A978B2FF-0EC6-496A-9F3F-A37EF0BEACA5}" type="slidenum">
              <a:rPr lang="nl-NL" smtClean="0"/>
              <a:pPr>
                <a:spcAft>
                  <a:spcPts val="600"/>
                </a:spcAft>
              </a:pPr>
              <a:t>3</a:t>
            </a:fld>
            <a:endParaRPr lang="nl-NL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BC1ADE0-8E3B-61C0-485D-ED5B998EA2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600" y="605631"/>
            <a:ext cx="10922400" cy="604039"/>
          </a:xfrm>
        </p:spPr>
        <p:txBody>
          <a:bodyPr anchor="ctr">
            <a:normAutofit/>
          </a:bodyPr>
          <a:lstStyle/>
          <a:p>
            <a:r>
              <a:rPr lang="nl-NL" dirty="0"/>
              <a:t>Cybercriminalitei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D60A868-A8B6-69A2-3123-6D7B3619DC9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35000" y="1208602"/>
            <a:ext cx="10922000" cy="391598"/>
          </a:xfrm>
        </p:spPr>
        <p:txBody>
          <a:bodyPr anchor="ctr">
            <a:normAutofit/>
          </a:bodyPr>
          <a:lstStyle/>
          <a:p>
            <a:pPr>
              <a:lnSpc>
                <a:spcPct val="100000"/>
              </a:lnSpc>
            </a:pPr>
            <a:r>
              <a:rPr lang="nl-NL" sz="2400"/>
              <a:t>Wat is het eigenlijk?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9571A484-4370-9570-AA48-4F213B41AD85}"/>
              </a:ext>
            </a:extLst>
          </p:cNvPr>
          <p:cNvSpPr>
            <a:spLocks/>
          </p:cNvSpPr>
          <p:nvPr/>
        </p:nvSpPr>
        <p:spPr>
          <a:xfrm>
            <a:off x="4691986" y="1262772"/>
            <a:ext cx="5302249" cy="756942"/>
          </a:xfrm>
          <a:prstGeom prst="rect">
            <a:avLst/>
          </a:prstGeom>
        </p:spPr>
        <p:txBody>
          <a:bodyPr/>
          <a:lstStyle/>
          <a:p>
            <a:pPr defTabSz="704088">
              <a:spcAft>
                <a:spcPts val="600"/>
              </a:spcAft>
            </a:pPr>
            <a:r>
              <a:rPr lang="nl-NL" sz="1386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1. Criminaliteit met gebruik van computers</a:t>
            </a:r>
          </a:p>
          <a:p>
            <a:pPr defTabSz="704088">
              <a:spcAft>
                <a:spcPts val="600"/>
              </a:spcAft>
            </a:pPr>
            <a:r>
              <a:rPr lang="nl-NL" sz="1386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2. Criminaliteit gericht op computers/mobiele apparatuur etc.</a:t>
            </a:r>
          </a:p>
          <a:p>
            <a:pPr defTabSz="704088">
              <a:spcAft>
                <a:spcPts val="600"/>
              </a:spcAft>
            </a:pPr>
            <a:endParaRPr lang="nl-NL" sz="1386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>
              <a:spcAft>
                <a:spcPts val="600"/>
              </a:spcAft>
            </a:pPr>
            <a:endParaRPr lang="nl-NL" dirty="0"/>
          </a:p>
        </p:txBody>
      </p:sp>
      <p:pic>
        <p:nvPicPr>
          <p:cNvPr id="7" name="Picture 6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5D320DA4-3290-F06C-63C7-147F7F98B66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flipH="1">
            <a:off x="4312919" y="2754695"/>
            <a:ext cx="384381" cy="354413"/>
          </a:xfrm>
          <a:prstGeom prst="rect">
            <a:avLst/>
          </a:prstGeom>
        </p:spPr>
      </p:pic>
      <p:pic>
        <p:nvPicPr>
          <p:cNvPr id="9" name="Picture 8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7BC2F31F-DC88-AC80-FCD7-AE6E55094BC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12919" y="3302845"/>
            <a:ext cx="384381" cy="354413"/>
          </a:xfrm>
          <a:prstGeom prst="rect">
            <a:avLst/>
          </a:prstGeom>
        </p:spPr>
      </p:pic>
      <p:pic>
        <p:nvPicPr>
          <p:cNvPr id="11" name="Picture 10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55724399-6CA9-BDFC-78E1-E049F9C13C5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68779" y="3784510"/>
            <a:ext cx="453884" cy="418497"/>
          </a:xfrm>
          <a:prstGeom prst="rect">
            <a:avLst/>
          </a:prstGeom>
        </p:spPr>
      </p:pic>
      <p:pic>
        <p:nvPicPr>
          <p:cNvPr id="13" name="Picture 12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EADD1206-917E-E56F-ECD9-53DF71CE948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280556" y="4330260"/>
            <a:ext cx="484862" cy="447060"/>
          </a:xfrm>
          <a:prstGeom prst="rect">
            <a:avLst/>
          </a:prstGeom>
        </p:spPr>
      </p:pic>
      <p:pic>
        <p:nvPicPr>
          <p:cNvPr id="15" name="Picture 14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EE4104C6-AD64-DDC5-8C38-9FA89AC216F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318408" y="4960592"/>
            <a:ext cx="373578" cy="344452"/>
          </a:xfrm>
          <a:prstGeom prst="rect">
            <a:avLst/>
          </a:prstGeom>
        </p:spPr>
      </p:pic>
      <p:pic>
        <p:nvPicPr>
          <p:cNvPr id="17" name="Picture 16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E2BC2161-7E8F-0F04-FAAA-C188DEEA9DA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 flipH="1">
            <a:off x="4299457" y="5512301"/>
            <a:ext cx="392529" cy="361926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E258D8AC-26D0-76B1-17B1-82AD38ED8838}"/>
              </a:ext>
            </a:extLst>
          </p:cNvPr>
          <p:cNvSpPr txBox="1"/>
          <p:nvPr/>
        </p:nvSpPr>
        <p:spPr>
          <a:xfrm>
            <a:off x="502635" y="2780348"/>
            <a:ext cx="3850714" cy="320767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20028" indent="-220028" defTabSz="704088">
              <a:spcAft>
                <a:spcPts val="600"/>
              </a:spcAft>
              <a:buFont typeface="Wingdings" panose="05000000000000000000" pitchFamily="2" charset="2"/>
              <a:buChar char="q"/>
            </a:pPr>
            <a:r>
              <a:rPr lang="nl-NL" sz="1386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Virus</a:t>
            </a:r>
          </a:p>
          <a:p>
            <a:pPr marL="220028" indent="-220028" defTabSz="704088">
              <a:spcAft>
                <a:spcPts val="600"/>
              </a:spcAft>
              <a:buFont typeface="Wingdings" panose="05000000000000000000" pitchFamily="2" charset="2"/>
              <a:buChar char="q"/>
            </a:pPr>
            <a:endParaRPr lang="nl-NL" sz="1386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220028" indent="-220028" defTabSz="704088">
              <a:spcAft>
                <a:spcPts val="600"/>
              </a:spcAft>
              <a:buFont typeface="Wingdings" panose="05000000000000000000" pitchFamily="2" charset="2"/>
              <a:buChar char="q"/>
            </a:pPr>
            <a:r>
              <a:rPr lang="nl-NL" sz="1386" kern="1200" dirty="0" err="1">
                <a:solidFill>
                  <a:schemeClr val="tx1"/>
                </a:solidFill>
                <a:latin typeface="+mn-lt"/>
                <a:ea typeface="+mn-ea"/>
                <a:cs typeface="+mn-cs"/>
              </a:rPr>
              <a:t>Ransomware</a:t>
            </a:r>
            <a:endParaRPr lang="nl-NL" sz="1386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220028" indent="-220028" defTabSz="704088">
              <a:spcAft>
                <a:spcPts val="600"/>
              </a:spcAft>
              <a:buFont typeface="Wingdings" panose="05000000000000000000" pitchFamily="2" charset="2"/>
              <a:buChar char="q"/>
            </a:pPr>
            <a:endParaRPr lang="nl-NL" sz="1386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220028" indent="-220028" defTabSz="704088">
              <a:spcAft>
                <a:spcPts val="600"/>
              </a:spcAft>
              <a:buFont typeface="Wingdings" panose="05000000000000000000" pitchFamily="2" charset="2"/>
              <a:buChar char="q"/>
            </a:pPr>
            <a:r>
              <a:rPr lang="nl-NL" sz="1386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pyware</a:t>
            </a:r>
          </a:p>
          <a:p>
            <a:pPr marL="220028" indent="-220028" defTabSz="704088">
              <a:spcAft>
                <a:spcPts val="600"/>
              </a:spcAft>
              <a:buFont typeface="Wingdings" panose="05000000000000000000" pitchFamily="2" charset="2"/>
              <a:buChar char="q"/>
            </a:pPr>
            <a:endParaRPr lang="nl-NL" sz="1386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220028" indent="-220028" defTabSz="704088">
              <a:spcAft>
                <a:spcPts val="600"/>
              </a:spcAft>
              <a:buFont typeface="Wingdings" panose="05000000000000000000" pitchFamily="2" charset="2"/>
              <a:buChar char="q"/>
            </a:pPr>
            <a:r>
              <a:rPr lang="nl-NL" sz="1386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Data diefstal</a:t>
            </a:r>
          </a:p>
          <a:p>
            <a:pPr marL="220028" indent="-220028" defTabSz="704088">
              <a:spcAft>
                <a:spcPts val="600"/>
              </a:spcAft>
              <a:buFont typeface="Wingdings" panose="05000000000000000000" pitchFamily="2" charset="2"/>
              <a:buChar char="q"/>
            </a:pPr>
            <a:endParaRPr lang="nl-NL" sz="1386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220028" indent="-220028" defTabSz="704088">
              <a:spcAft>
                <a:spcPts val="600"/>
              </a:spcAft>
              <a:buFont typeface="Wingdings" panose="05000000000000000000" pitchFamily="2" charset="2"/>
              <a:buChar char="q"/>
            </a:pPr>
            <a:r>
              <a:rPr lang="nl-NL" sz="1386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Misleiding (</a:t>
            </a:r>
            <a:r>
              <a:rPr lang="nl-NL" sz="1386" kern="1200" dirty="0" err="1">
                <a:solidFill>
                  <a:schemeClr val="tx1"/>
                </a:solidFill>
                <a:latin typeface="+mn-lt"/>
                <a:ea typeface="+mn-ea"/>
                <a:cs typeface="+mn-cs"/>
              </a:rPr>
              <a:t>emails</a:t>
            </a:r>
            <a:r>
              <a:rPr lang="nl-NL" sz="1386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 &amp; websites) CEO fraude</a:t>
            </a:r>
          </a:p>
          <a:p>
            <a:pPr marL="220028" indent="-220028" defTabSz="704088">
              <a:spcAft>
                <a:spcPts val="600"/>
              </a:spcAft>
              <a:buFont typeface="Wingdings" panose="05000000000000000000" pitchFamily="2" charset="2"/>
              <a:buChar char="q"/>
            </a:pPr>
            <a:endParaRPr lang="nl-NL" sz="1386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220028" indent="-220028" defTabSz="704088">
              <a:spcAft>
                <a:spcPts val="600"/>
              </a:spcAft>
              <a:buFont typeface="Wingdings" panose="05000000000000000000" pitchFamily="2" charset="2"/>
              <a:buChar char="q"/>
            </a:pPr>
            <a:r>
              <a:rPr lang="nl-NL" sz="1386" kern="1200" dirty="0" err="1">
                <a:solidFill>
                  <a:schemeClr val="tx1"/>
                </a:solidFill>
                <a:latin typeface="+mn-lt"/>
                <a:ea typeface="+mn-ea"/>
                <a:cs typeface="+mn-cs"/>
              </a:rPr>
              <a:t>Phishing</a:t>
            </a:r>
            <a:endParaRPr lang="nl-NL" dirty="0"/>
          </a:p>
        </p:txBody>
      </p:sp>
      <p:pic>
        <p:nvPicPr>
          <p:cNvPr id="14" name="Picture 13" descr="A blue and black background with a map and padlocks&#10;&#10;Description automatically generated">
            <a:extLst>
              <a:ext uri="{FF2B5EF4-FFF2-40B4-BE49-F238E27FC236}">
                <a16:creationId xmlns:a16="http://schemas.microsoft.com/office/drawing/2014/main" id="{B1724DAF-F486-882B-6295-A23315ED457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5375695" y="2666554"/>
            <a:ext cx="6816305" cy="32076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901016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Content Placeholder 7" descr="Person staring at numbers">
            <a:extLst>
              <a:ext uri="{FF2B5EF4-FFF2-40B4-BE49-F238E27FC236}">
                <a16:creationId xmlns:a16="http://schemas.microsoft.com/office/drawing/2014/main" id="{84FCBA67-7A6E-6206-21B7-106F70CE69B7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37224" y="1903751"/>
            <a:ext cx="5097802" cy="3823352"/>
          </a:xfrm>
          <a:noFill/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0619C31F-9066-4A5E-667E-12B3B4516D01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54200" y="1840330"/>
            <a:ext cx="5302800" cy="3960000"/>
          </a:xfrm>
        </p:spPr>
        <p:txBody>
          <a:bodyPr anchor="t">
            <a:normAutofit lnSpcReduction="10000"/>
          </a:bodyPr>
          <a:lstStyle/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dirty="0"/>
              <a:t>Script </a:t>
            </a:r>
            <a:r>
              <a:rPr lang="nl-NL" dirty="0" err="1"/>
              <a:t>Kiddies</a:t>
            </a:r>
            <a:endParaRPr lang="nl-NL" dirty="0"/>
          </a:p>
          <a:p>
            <a:pPr marL="285750" indent="-285750">
              <a:buFont typeface="Wingdings" panose="05000000000000000000" pitchFamily="2" charset="2"/>
              <a:buChar char="q"/>
            </a:pPr>
            <a:endParaRPr lang="nl-NL" dirty="0"/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dirty="0" err="1"/>
              <a:t>Hacktivists</a:t>
            </a:r>
            <a:endParaRPr lang="nl-NL" dirty="0"/>
          </a:p>
          <a:p>
            <a:pPr marL="285750" indent="-285750">
              <a:buFont typeface="Wingdings" panose="05000000000000000000" pitchFamily="2" charset="2"/>
              <a:buChar char="q"/>
            </a:pPr>
            <a:endParaRPr lang="nl-NL" dirty="0"/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dirty="0" err="1"/>
              <a:t>Organized</a:t>
            </a:r>
            <a:r>
              <a:rPr lang="nl-NL" dirty="0"/>
              <a:t> Crime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endParaRPr lang="nl-NL" dirty="0"/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dirty="0" err="1"/>
              <a:t>Nation</a:t>
            </a:r>
            <a:r>
              <a:rPr lang="nl-NL" dirty="0"/>
              <a:t> State / ATP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endParaRPr lang="nl-NL" dirty="0"/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dirty="0"/>
              <a:t>Insider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endParaRPr lang="nl-NL" dirty="0"/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dirty="0" err="1"/>
              <a:t>Competitor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4A4F7A1-3796-5D28-9FA3-7985F6B0FBF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635000" y="6250882"/>
            <a:ext cx="360000" cy="179023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A978B2FF-0EC6-496A-9F3F-A37EF0BEACA5}" type="slidenum">
              <a:rPr lang="nl-NL" sz="1300" smtClean="0"/>
              <a:pPr>
                <a:spcAft>
                  <a:spcPts val="600"/>
                </a:spcAft>
              </a:pPr>
              <a:t>4</a:t>
            </a:fld>
            <a:endParaRPr lang="nl-NL" sz="130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28F61B2-7819-04A3-4337-B0CD0DC4C9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600" y="605631"/>
            <a:ext cx="10922400" cy="604039"/>
          </a:xfrm>
        </p:spPr>
        <p:txBody>
          <a:bodyPr anchor="ctr">
            <a:normAutofit/>
          </a:bodyPr>
          <a:lstStyle/>
          <a:p>
            <a:r>
              <a:rPr lang="nl-NL" dirty="0"/>
              <a:t>Welke aanvallers zijn er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282BD86-98CB-688D-1790-8A84BD0A0B3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35000" y="1208602"/>
            <a:ext cx="10922000" cy="391598"/>
          </a:xfrm>
        </p:spPr>
        <p:txBody>
          <a:bodyPr anchor="ctr">
            <a:normAutofit/>
          </a:bodyPr>
          <a:lstStyle/>
          <a:p>
            <a:pPr>
              <a:lnSpc>
                <a:spcPct val="100000"/>
              </a:lnSpc>
            </a:pPr>
            <a:r>
              <a:rPr lang="nl-NL" sz="2400"/>
              <a:t>Een verdeling in hoofdlijnen</a:t>
            </a:r>
          </a:p>
        </p:txBody>
      </p:sp>
      <p:pic>
        <p:nvPicPr>
          <p:cNvPr id="7" name="Picture 6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5AA89DF3-B8DC-1173-7B86-33644B15D57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861303" y="1945107"/>
            <a:ext cx="587742" cy="587742"/>
          </a:xfrm>
          <a:prstGeom prst="rect">
            <a:avLst/>
          </a:prstGeom>
        </p:spPr>
      </p:pic>
      <p:pic>
        <p:nvPicPr>
          <p:cNvPr id="10" name="Picture 9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BF46090F-C905-8B14-4685-40D7D911539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 flipH="1">
            <a:off x="9927100" y="3911970"/>
            <a:ext cx="492487" cy="492487"/>
          </a:xfrm>
          <a:prstGeom prst="rect">
            <a:avLst/>
          </a:prstGeom>
        </p:spPr>
      </p:pic>
      <p:pic>
        <p:nvPicPr>
          <p:cNvPr id="12" name="Picture 11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1EE245EB-D3F2-6ED3-B0D2-E720D2B8B08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60133" y="3331366"/>
            <a:ext cx="426419" cy="426419"/>
          </a:xfrm>
          <a:prstGeom prst="rect">
            <a:avLst/>
          </a:prstGeom>
        </p:spPr>
      </p:pic>
      <p:pic>
        <p:nvPicPr>
          <p:cNvPr id="14" name="Picture 13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D5D21DAF-98D6-6F3C-1DBD-0967938FA84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33943" y="4524522"/>
            <a:ext cx="358532" cy="358532"/>
          </a:xfrm>
          <a:prstGeom prst="rect">
            <a:avLst/>
          </a:prstGeom>
        </p:spPr>
      </p:pic>
      <p:pic>
        <p:nvPicPr>
          <p:cNvPr id="16" name="Picture 15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28D69DF8-86CB-60A6-4660-5F60810EE57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797981" y="4998334"/>
            <a:ext cx="651064" cy="651064"/>
          </a:xfrm>
          <a:prstGeom prst="rect">
            <a:avLst/>
          </a:prstGeom>
        </p:spPr>
      </p:pic>
      <p:pic>
        <p:nvPicPr>
          <p:cNvPr id="18" name="Picture 17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109CC150-BCF4-8CCD-CA09-F9589A48887D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 flipH="1">
            <a:off x="9897639" y="2687034"/>
            <a:ext cx="551406" cy="5514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248356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3F1ED50B-3947-081A-D82D-0F4AEB55D6C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5001" y="1840334"/>
            <a:ext cx="5302249" cy="3940189"/>
          </a:xfrm>
        </p:spPr>
        <p:txBody>
          <a:bodyPr anchor="t">
            <a:normAutofit/>
          </a:bodyPr>
          <a:lstStyle/>
          <a:p>
            <a:pPr>
              <a:lnSpc>
                <a:spcPct val="100000"/>
              </a:lnSpc>
            </a:pPr>
            <a:r>
              <a:rPr lang="nl-NL" sz="1700" dirty="0">
                <a:latin typeface="KPN"/>
              </a:rPr>
              <a:t>Verschuiving van grootzakelijk door:</a:t>
            </a:r>
          </a:p>
          <a:p>
            <a:pPr marL="251460" lvl="1" indent="-251460">
              <a:lnSpc>
                <a:spcPct val="100000"/>
              </a:lnSpc>
            </a:pPr>
            <a:r>
              <a:rPr lang="nl-NL" sz="1700" dirty="0">
                <a:latin typeface="KPN"/>
              </a:rPr>
              <a:t>Betere beveiliging</a:t>
            </a:r>
          </a:p>
          <a:p>
            <a:pPr marL="251460" lvl="1" indent="-251460">
              <a:lnSpc>
                <a:spcPct val="100000"/>
              </a:lnSpc>
            </a:pPr>
            <a:r>
              <a:rPr lang="nl-NL" sz="1700" dirty="0">
                <a:latin typeface="KPN"/>
              </a:rPr>
              <a:t>Meer kennis</a:t>
            </a:r>
          </a:p>
          <a:p>
            <a:pPr marL="251460" lvl="1" indent="-251460">
              <a:lnSpc>
                <a:spcPct val="100000"/>
              </a:lnSpc>
            </a:pPr>
            <a:r>
              <a:rPr lang="nl-NL" sz="1700" dirty="0" err="1">
                <a:latin typeface="KPN"/>
              </a:rPr>
              <a:t>Dedicated</a:t>
            </a:r>
            <a:r>
              <a:rPr lang="nl-NL" sz="1700" dirty="0">
                <a:latin typeface="KPN"/>
              </a:rPr>
              <a:t> resources, en dus…. Moeilijker!</a:t>
            </a:r>
          </a:p>
          <a:p>
            <a:pPr marL="251460" lvl="1" indent="-251460">
              <a:lnSpc>
                <a:spcPct val="100000"/>
              </a:lnSpc>
            </a:pPr>
            <a:r>
              <a:rPr lang="nl-NL" sz="1700" dirty="0">
                <a:latin typeface="KPN"/>
              </a:rPr>
              <a:t>Beveiliging binnen ZZP en MKB hebben weinig aandacht</a:t>
            </a:r>
          </a:p>
          <a:p>
            <a:pPr marL="251460" lvl="1" indent="-251460">
              <a:lnSpc>
                <a:spcPct val="100000"/>
              </a:lnSpc>
            </a:pPr>
            <a:r>
              <a:rPr lang="nl-NL" sz="1700" dirty="0">
                <a:latin typeface="KPN"/>
              </a:rPr>
              <a:t>Relatief laag awareness niveau</a:t>
            </a:r>
          </a:p>
          <a:p>
            <a:pPr marL="251460" lvl="1" indent="-251460">
              <a:lnSpc>
                <a:spcPct val="100000"/>
              </a:lnSpc>
            </a:pPr>
            <a:r>
              <a:rPr lang="nl-NL" sz="1700" dirty="0">
                <a:latin typeface="KPN"/>
              </a:rPr>
              <a:t>Toepassing van AI :</a:t>
            </a:r>
          </a:p>
          <a:p>
            <a:pPr marL="0" lvl="1" indent="0">
              <a:lnSpc>
                <a:spcPct val="100000"/>
              </a:lnSpc>
              <a:buNone/>
            </a:pPr>
            <a:r>
              <a:rPr lang="nl-NL" sz="1700" dirty="0">
                <a:latin typeface="KPN"/>
              </a:rPr>
              <a:t>	</a:t>
            </a:r>
            <a:r>
              <a:rPr lang="nl-NL" sz="1700" dirty="0" err="1">
                <a:latin typeface="KPN"/>
              </a:rPr>
              <a:t>FraudGPT</a:t>
            </a:r>
            <a:r>
              <a:rPr lang="nl-NL" sz="1700" dirty="0">
                <a:latin typeface="KPN"/>
              </a:rPr>
              <a:t> en </a:t>
            </a:r>
            <a:r>
              <a:rPr lang="nl-NL" sz="1700" dirty="0" err="1">
                <a:latin typeface="KPN"/>
              </a:rPr>
              <a:t>WormGPT</a:t>
            </a:r>
            <a:r>
              <a:rPr lang="nl-NL" sz="1700" dirty="0">
                <a:latin typeface="KPN"/>
              </a:rPr>
              <a:t> </a:t>
            </a:r>
            <a:r>
              <a:rPr lang="nl-NL" sz="1700" dirty="0" err="1">
                <a:latin typeface="KPN"/>
              </a:rPr>
              <a:t>etc</a:t>
            </a:r>
            <a:endParaRPr lang="nl-NL" sz="1700" dirty="0">
              <a:latin typeface="KPN"/>
            </a:endParaRPr>
          </a:p>
          <a:p>
            <a:pPr marL="0" lvl="1" indent="0">
              <a:lnSpc>
                <a:spcPct val="100000"/>
              </a:lnSpc>
              <a:buNone/>
            </a:pPr>
            <a:r>
              <a:rPr lang="nl-NL" sz="1700" dirty="0">
                <a:latin typeface="KPN"/>
              </a:rPr>
              <a:t>	Programmeren hoeft niet meer</a:t>
            </a:r>
          </a:p>
          <a:p>
            <a:pPr marL="251460" lvl="1" indent="-251460">
              <a:lnSpc>
                <a:spcPct val="100000"/>
              </a:lnSpc>
            </a:pPr>
            <a:r>
              <a:rPr lang="nl-NL" sz="1700" dirty="0">
                <a:latin typeface="KPN"/>
              </a:rPr>
              <a:t>Automatisering maakt schaalvergroting mogelijk</a:t>
            </a:r>
          </a:p>
          <a:p>
            <a:pPr marL="251460" lvl="1" indent="-251460">
              <a:lnSpc>
                <a:spcPct val="100000"/>
              </a:lnSpc>
            </a:pPr>
            <a:r>
              <a:rPr lang="nl-NL" sz="1700" dirty="0">
                <a:latin typeface="KPN"/>
              </a:rPr>
              <a:t>Vercommercialisering (</a:t>
            </a:r>
            <a:r>
              <a:rPr lang="nl-NL" sz="1700" dirty="0" err="1">
                <a:latin typeface="KPN"/>
              </a:rPr>
              <a:t>ransomware</a:t>
            </a:r>
            <a:r>
              <a:rPr lang="nl-NL" sz="1700" dirty="0">
                <a:latin typeface="KPN"/>
              </a:rPr>
              <a:t> as a service)</a:t>
            </a:r>
          </a:p>
          <a:p>
            <a:pPr marL="251460" lvl="1" indent="-251460">
              <a:lnSpc>
                <a:spcPct val="100000"/>
              </a:lnSpc>
            </a:pPr>
            <a:r>
              <a:rPr lang="nl-NL" sz="1700" dirty="0" err="1">
                <a:latin typeface="KPN"/>
              </a:rPr>
              <a:t>Darkweb</a:t>
            </a:r>
            <a:r>
              <a:rPr lang="nl-NL" sz="1700" dirty="0">
                <a:latin typeface="KPN"/>
              </a:rPr>
              <a:t> en Telegram groepen (inloggegevens en kwetsbaarheden kopen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2F038FC-C8DE-1371-3256-11FC607BF5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635000" y="6250882"/>
            <a:ext cx="360000" cy="179023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A978B2FF-0EC6-496A-9F3F-A37EF0BEACA5}" type="slidenum">
              <a:rPr lang="nl-NL" sz="1300" smtClean="0"/>
              <a:pPr>
                <a:spcAft>
                  <a:spcPts val="600"/>
                </a:spcAft>
              </a:pPr>
              <a:t>5</a:t>
            </a:fld>
            <a:endParaRPr lang="nl-NL" sz="130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74C87DE-DD13-0079-7B7A-E7811D33817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606" y="605631"/>
            <a:ext cx="5303650" cy="604039"/>
          </a:xfrm>
        </p:spPr>
        <p:txBody>
          <a:bodyPr anchor="ctr">
            <a:normAutofit fontScale="90000"/>
          </a:bodyPr>
          <a:lstStyle/>
          <a:p>
            <a:r>
              <a:rPr lang="nl-NL" sz="2800"/>
              <a:t>Maar ik ben toch niet interessant?</a:t>
            </a:r>
          </a:p>
        </p:txBody>
      </p:sp>
      <p:pic>
        <p:nvPicPr>
          <p:cNvPr id="9" name="Picture 8" descr="A finger pointing on a tablet with green neon lights">
            <a:extLst>
              <a:ext uri="{FF2B5EF4-FFF2-40B4-BE49-F238E27FC236}">
                <a16:creationId xmlns:a16="http://schemas.microsoft.com/office/drawing/2014/main" id="{358179DA-4AD6-58FA-C188-27BCBD160D31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9094" r="33116" b="-2"/>
          <a:stretch/>
        </p:blipFill>
        <p:spPr>
          <a:xfrm>
            <a:off x="6254750" y="1"/>
            <a:ext cx="5937250" cy="6857998"/>
          </a:xfrm>
          <a:custGeom>
            <a:avLst/>
            <a:gdLst>
              <a:gd name="connsiteX0" fmla="*/ 4559774 w 5937250"/>
              <a:gd name="connsiteY0" fmla="*/ 6340879 h 6857998"/>
              <a:gd name="connsiteX1" fmla="*/ 4492234 w 5937250"/>
              <a:gd name="connsiteY1" fmla="*/ 6350208 h 6857998"/>
              <a:gd name="connsiteX2" fmla="*/ 4500963 w 5937250"/>
              <a:gd name="connsiteY2" fmla="*/ 6376395 h 6857998"/>
              <a:gd name="connsiteX3" fmla="*/ 4504673 w 5937250"/>
              <a:gd name="connsiteY3" fmla="*/ 6375522 h 6857998"/>
              <a:gd name="connsiteX4" fmla="*/ 4618585 w 5937250"/>
              <a:gd name="connsiteY4" fmla="*/ 6376395 h 6857998"/>
              <a:gd name="connsiteX5" fmla="*/ 4627314 w 5937250"/>
              <a:gd name="connsiteY5" fmla="*/ 6350208 h 6857998"/>
              <a:gd name="connsiteX6" fmla="*/ 4559774 w 5937250"/>
              <a:gd name="connsiteY6" fmla="*/ 6340879 h 6857998"/>
              <a:gd name="connsiteX7" fmla="*/ 4629278 w 5937250"/>
              <a:gd name="connsiteY7" fmla="*/ 6268593 h 6857998"/>
              <a:gd name="connsiteX8" fmla="*/ 4627096 w 5937250"/>
              <a:gd name="connsiteY8" fmla="*/ 6289978 h 6857998"/>
              <a:gd name="connsiteX9" fmla="*/ 4630588 w 5937250"/>
              <a:gd name="connsiteY9" fmla="*/ 6290633 h 6857998"/>
              <a:gd name="connsiteX10" fmla="*/ 4635607 w 5937250"/>
              <a:gd name="connsiteY10" fmla="*/ 6295434 h 6857998"/>
              <a:gd name="connsiteX11" fmla="*/ 4612912 w 5937250"/>
              <a:gd name="connsiteY11" fmla="*/ 6324022 h 6857998"/>
              <a:gd name="connsiteX12" fmla="*/ 4608329 w 5937250"/>
              <a:gd name="connsiteY12" fmla="*/ 6328604 h 6857998"/>
              <a:gd name="connsiteX13" fmla="*/ 4635607 w 5937250"/>
              <a:gd name="connsiteY13" fmla="*/ 6335587 h 6857998"/>
              <a:gd name="connsiteX14" fmla="*/ 4662448 w 5937250"/>
              <a:gd name="connsiteY14" fmla="*/ 6293688 h 6857998"/>
              <a:gd name="connsiteX15" fmla="*/ 4629278 w 5937250"/>
              <a:gd name="connsiteY15" fmla="*/ 6268593 h 6857998"/>
              <a:gd name="connsiteX16" fmla="*/ 4487215 w 5937250"/>
              <a:gd name="connsiteY16" fmla="*/ 6268374 h 6857998"/>
              <a:gd name="connsiteX17" fmla="*/ 4457319 w 5937250"/>
              <a:gd name="connsiteY17" fmla="*/ 6293688 h 6857998"/>
              <a:gd name="connsiteX18" fmla="*/ 4484160 w 5937250"/>
              <a:gd name="connsiteY18" fmla="*/ 6335587 h 6857998"/>
              <a:gd name="connsiteX19" fmla="*/ 4511438 w 5937250"/>
              <a:gd name="connsiteY19" fmla="*/ 6328604 h 6857998"/>
              <a:gd name="connsiteX20" fmla="*/ 4484160 w 5937250"/>
              <a:gd name="connsiteY20" fmla="*/ 6295216 h 6857998"/>
              <a:gd name="connsiteX21" fmla="*/ 4489180 w 5937250"/>
              <a:gd name="connsiteY21" fmla="*/ 6290415 h 6857998"/>
              <a:gd name="connsiteX22" fmla="*/ 4492671 w 5937250"/>
              <a:gd name="connsiteY22" fmla="*/ 6289760 h 6857998"/>
              <a:gd name="connsiteX23" fmla="*/ 4490489 w 5937250"/>
              <a:gd name="connsiteY23" fmla="*/ 6268374 h 6857998"/>
              <a:gd name="connsiteX24" fmla="*/ 4398170 w 5937250"/>
              <a:gd name="connsiteY24" fmla="*/ 6255281 h 6857998"/>
              <a:gd name="connsiteX25" fmla="*/ 4360854 w 5937250"/>
              <a:gd name="connsiteY25" fmla="*/ 6325331 h 6857998"/>
              <a:gd name="connsiteX26" fmla="*/ 4393151 w 5937250"/>
              <a:gd name="connsiteY26" fmla="*/ 6390580 h 6857998"/>
              <a:gd name="connsiteX27" fmla="*/ 4602426 w 5937250"/>
              <a:gd name="connsiteY27" fmla="*/ 6434879 h 6857998"/>
              <a:gd name="connsiteX28" fmla="*/ 4579077 w 5937250"/>
              <a:gd name="connsiteY28" fmla="*/ 6411093 h 6857998"/>
              <a:gd name="connsiteX29" fmla="*/ 4414973 w 5937250"/>
              <a:gd name="connsiteY29" fmla="*/ 6368539 h 6857998"/>
              <a:gd name="connsiteX30" fmla="*/ 4391842 w 5937250"/>
              <a:gd name="connsiteY30" fmla="*/ 6325331 h 6857998"/>
              <a:gd name="connsiteX31" fmla="*/ 4409736 w 5937250"/>
              <a:gd name="connsiteY31" fmla="*/ 6285178 h 6857998"/>
              <a:gd name="connsiteX32" fmla="*/ 4398170 w 5937250"/>
              <a:gd name="connsiteY32" fmla="*/ 6255281 h 6857998"/>
              <a:gd name="connsiteX33" fmla="*/ 5125157 w 5937250"/>
              <a:gd name="connsiteY33" fmla="*/ 6243128 h 6857998"/>
              <a:gd name="connsiteX34" fmla="*/ 5169163 w 5937250"/>
              <a:gd name="connsiteY34" fmla="*/ 6294560 h 6857998"/>
              <a:gd name="connsiteX35" fmla="*/ 5125300 w 5937250"/>
              <a:gd name="connsiteY35" fmla="*/ 6348243 h 6857998"/>
              <a:gd name="connsiteX36" fmla="*/ 5099768 w 5937250"/>
              <a:gd name="connsiteY36" fmla="*/ 6344315 h 6857998"/>
              <a:gd name="connsiteX37" fmla="*/ 5099768 w 5937250"/>
              <a:gd name="connsiteY37" fmla="*/ 6248733 h 6857998"/>
              <a:gd name="connsiteX38" fmla="*/ 5125157 w 5937250"/>
              <a:gd name="connsiteY38" fmla="*/ 6243128 h 6857998"/>
              <a:gd name="connsiteX39" fmla="*/ 4568831 w 5937250"/>
              <a:gd name="connsiteY39" fmla="*/ 6240878 h 6857998"/>
              <a:gd name="connsiteX40" fmla="*/ 4568831 w 5937250"/>
              <a:gd name="connsiteY40" fmla="*/ 6264664 h 6857998"/>
              <a:gd name="connsiteX41" fmla="*/ 4587380 w 5937250"/>
              <a:gd name="connsiteY41" fmla="*/ 6274266 h 6857998"/>
              <a:gd name="connsiteX42" fmla="*/ 4568394 w 5937250"/>
              <a:gd name="connsiteY42" fmla="*/ 6320529 h 6857998"/>
              <a:gd name="connsiteX43" fmla="*/ 4565994 w 5937250"/>
              <a:gd name="connsiteY43" fmla="*/ 6325548 h 6857998"/>
              <a:gd name="connsiteX44" fmla="*/ 4594582 w 5937250"/>
              <a:gd name="connsiteY44" fmla="*/ 6327730 h 6857998"/>
              <a:gd name="connsiteX45" fmla="*/ 4615749 w 5937250"/>
              <a:gd name="connsiteY45" fmla="*/ 6269029 h 6857998"/>
              <a:gd name="connsiteX46" fmla="*/ 4568831 w 5937250"/>
              <a:gd name="connsiteY46" fmla="*/ 6240878 h 6857998"/>
              <a:gd name="connsiteX47" fmla="*/ 4533449 w 5937250"/>
              <a:gd name="connsiteY47" fmla="*/ 6238559 h 6857998"/>
              <a:gd name="connsiteX48" fmla="*/ 4504019 w 5937250"/>
              <a:gd name="connsiteY48" fmla="*/ 6269247 h 6857998"/>
              <a:gd name="connsiteX49" fmla="*/ 4525187 w 5937250"/>
              <a:gd name="connsiteY49" fmla="*/ 6327950 h 6857998"/>
              <a:gd name="connsiteX50" fmla="*/ 4553774 w 5937250"/>
              <a:gd name="connsiteY50" fmla="*/ 6325767 h 6857998"/>
              <a:gd name="connsiteX51" fmla="*/ 4551155 w 5937250"/>
              <a:gd name="connsiteY51" fmla="*/ 6320967 h 6857998"/>
              <a:gd name="connsiteX52" fmla="*/ 4532170 w 5937250"/>
              <a:gd name="connsiteY52" fmla="*/ 6274703 h 6857998"/>
              <a:gd name="connsiteX53" fmla="*/ 4550719 w 5937250"/>
              <a:gd name="connsiteY53" fmla="*/ 6265101 h 6857998"/>
              <a:gd name="connsiteX54" fmla="*/ 4550719 w 5937250"/>
              <a:gd name="connsiteY54" fmla="*/ 6241315 h 6857998"/>
              <a:gd name="connsiteX55" fmla="*/ 4533449 w 5937250"/>
              <a:gd name="connsiteY55" fmla="*/ 6238559 h 6857998"/>
              <a:gd name="connsiteX56" fmla="*/ 5362943 w 5937250"/>
              <a:gd name="connsiteY56" fmla="*/ 6200725 h 6857998"/>
              <a:gd name="connsiteX57" fmla="*/ 5275436 w 5937250"/>
              <a:gd name="connsiteY57" fmla="*/ 6217092 h 6857998"/>
              <a:gd name="connsiteX58" fmla="*/ 5275436 w 5937250"/>
              <a:gd name="connsiteY58" fmla="*/ 6386869 h 6857998"/>
              <a:gd name="connsiteX59" fmla="*/ 5332392 w 5937250"/>
              <a:gd name="connsiteY59" fmla="*/ 6386869 h 6857998"/>
              <a:gd name="connsiteX60" fmla="*/ 5332392 w 5937250"/>
              <a:gd name="connsiteY60" fmla="*/ 6250480 h 6857998"/>
              <a:gd name="connsiteX61" fmla="*/ 5361634 w 5937250"/>
              <a:gd name="connsiteY61" fmla="*/ 6244806 h 6857998"/>
              <a:gd name="connsiteX62" fmla="*/ 5398296 w 5937250"/>
              <a:gd name="connsiteY62" fmla="*/ 6298271 h 6857998"/>
              <a:gd name="connsiteX63" fmla="*/ 5398296 w 5937250"/>
              <a:gd name="connsiteY63" fmla="*/ 6386869 h 6857998"/>
              <a:gd name="connsiteX64" fmla="*/ 5455252 w 5937250"/>
              <a:gd name="connsiteY64" fmla="*/ 6386869 h 6857998"/>
              <a:gd name="connsiteX65" fmla="*/ 5455252 w 5937250"/>
              <a:gd name="connsiteY65" fmla="*/ 6289978 h 6857998"/>
              <a:gd name="connsiteX66" fmla="*/ 5362943 w 5937250"/>
              <a:gd name="connsiteY66" fmla="*/ 6200725 h 6857998"/>
              <a:gd name="connsiteX67" fmla="*/ 5128137 w 5937250"/>
              <a:gd name="connsiteY67" fmla="*/ 6199851 h 6857998"/>
              <a:gd name="connsiteX68" fmla="*/ 5042812 w 5937250"/>
              <a:gd name="connsiteY68" fmla="*/ 6216218 h 6857998"/>
              <a:gd name="connsiteX69" fmla="*/ 5042812 w 5937250"/>
              <a:gd name="connsiteY69" fmla="*/ 6456046 h 6857998"/>
              <a:gd name="connsiteX70" fmla="*/ 5099768 w 5937250"/>
              <a:gd name="connsiteY70" fmla="*/ 6456046 h 6857998"/>
              <a:gd name="connsiteX71" fmla="*/ 5099768 w 5937250"/>
              <a:gd name="connsiteY71" fmla="*/ 6387523 h 6857998"/>
              <a:gd name="connsiteX72" fmla="*/ 5227865 w 5937250"/>
              <a:gd name="connsiteY72" fmla="*/ 6294342 h 6857998"/>
              <a:gd name="connsiteX73" fmla="*/ 5128137 w 5937250"/>
              <a:gd name="connsiteY73" fmla="*/ 6199851 h 6857998"/>
              <a:gd name="connsiteX74" fmla="*/ 4652402 w 5937250"/>
              <a:gd name="connsiteY74" fmla="*/ 6194615 h 6857998"/>
              <a:gd name="connsiteX75" fmla="*/ 4623159 w 5937250"/>
              <a:gd name="connsiteY75" fmla="*/ 6197233 h 6857998"/>
              <a:gd name="connsiteX76" fmla="*/ 4631452 w 5937250"/>
              <a:gd name="connsiteY76" fmla="*/ 6227785 h 6857998"/>
              <a:gd name="connsiteX77" fmla="*/ 4652402 w 5937250"/>
              <a:gd name="connsiteY77" fmla="*/ 6226039 h 6857998"/>
              <a:gd name="connsiteX78" fmla="*/ 4717432 w 5937250"/>
              <a:gd name="connsiteY78" fmla="*/ 6276885 h 6857998"/>
              <a:gd name="connsiteX79" fmla="*/ 4701501 w 5937250"/>
              <a:gd name="connsiteY79" fmla="*/ 6330786 h 6857998"/>
              <a:gd name="connsiteX80" fmla="*/ 4686226 w 5937250"/>
              <a:gd name="connsiteY80" fmla="*/ 6375522 h 6857998"/>
              <a:gd name="connsiteX81" fmla="*/ 4617922 w 5937250"/>
              <a:gd name="connsiteY81" fmla="*/ 6448190 h 6857998"/>
              <a:gd name="connsiteX82" fmla="*/ 4584316 w 5937250"/>
              <a:gd name="connsiteY82" fmla="*/ 6461502 h 6857998"/>
              <a:gd name="connsiteX83" fmla="*/ 4638217 w 5937250"/>
              <a:gd name="connsiteY83" fmla="*/ 6485724 h 6857998"/>
              <a:gd name="connsiteX84" fmla="*/ 4716340 w 5937250"/>
              <a:gd name="connsiteY84" fmla="*/ 6382941 h 6857998"/>
              <a:gd name="connsiteX85" fmla="*/ 4748419 w 5937250"/>
              <a:gd name="connsiteY85" fmla="*/ 6276667 h 6857998"/>
              <a:gd name="connsiteX86" fmla="*/ 4652402 w 5937250"/>
              <a:gd name="connsiteY86" fmla="*/ 6194615 h 6857998"/>
              <a:gd name="connsiteX87" fmla="*/ 4559884 w 5937250"/>
              <a:gd name="connsiteY87" fmla="*/ 6186540 h 6857998"/>
              <a:gd name="connsiteX88" fmla="*/ 4538717 w 5937250"/>
              <a:gd name="connsiteY88" fmla="*/ 6208581 h 6857998"/>
              <a:gd name="connsiteX89" fmla="*/ 4559884 w 5937250"/>
              <a:gd name="connsiteY89" fmla="*/ 6230621 h 6857998"/>
              <a:gd name="connsiteX90" fmla="*/ 4581053 w 5937250"/>
              <a:gd name="connsiteY90" fmla="*/ 6208581 h 6857998"/>
              <a:gd name="connsiteX91" fmla="*/ 4818695 w 5937250"/>
              <a:gd name="connsiteY91" fmla="*/ 6136566 h 6857998"/>
              <a:gd name="connsiteX92" fmla="*/ 4818695 w 5937250"/>
              <a:gd name="connsiteY92" fmla="*/ 6385996 h 6857998"/>
              <a:gd name="connsiteX93" fmla="*/ 4875652 w 5937250"/>
              <a:gd name="connsiteY93" fmla="*/ 6385996 h 6857998"/>
              <a:gd name="connsiteX94" fmla="*/ 4875652 w 5937250"/>
              <a:gd name="connsiteY94" fmla="*/ 6287794 h 6857998"/>
              <a:gd name="connsiteX95" fmla="*/ 4940901 w 5937250"/>
              <a:gd name="connsiteY95" fmla="*/ 6385994 h 6857998"/>
              <a:gd name="connsiteX96" fmla="*/ 5008333 w 5937250"/>
              <a:gd name="connsiteY96" fmla="*/ 6385994 h 6857998"/>
              <a:gd name="connsiteX97" fmla="*/ 4937628 w 5937250"/>
              <a:gd name="connsiteY97" fmla="*/ 6285830 h 6857998"/>
              <a:gd name="connsiteX98" fmla="*/ 5002440 w 5937250"/>
              <a:gd name="connsiteY98" fmla="*/ 6206397 h 6857998"/>
              <a:gd name="connsiteX99" fmla="*/ 4937628 w 5937250"/>
              <a:gd name="connsiteY99" fmla="*/ 6206397 h 6857998"/>
              <a:gd name="connsiteX100" fmla="*/ 4875652 w 5937250"/>
              <a:gd name="connsiteY100" fmla="*/ 6287794 h 6857998"/>
              <a:gd name="connsiteX101" fmla="*/ 4875652 w 5937250"/>
              <a:gd name="connsiteY101" fmla="*/ 6136566 h 6857998"/>
              <a:gd name="connsiteX102" fmla="*/ 4495290 w 5937250"/>
              <a:gd name="connsiteY102" fmla="*/ 6068263 h 6857998"/>
              <a:gd name="connsiteX103" fmla="*/ 4405164 w 5937250"/>
              <a:gd name="connsiteY103" fmla="*/ 6195051 h 6857998"/>
              <a:gd name="connsiteX104" fmla="*/ 4425022 w 5937250"/>
              <a:gd name="connsiteY104" fmla="*/ 6273393 h 6857998"/>
              <a:gd name="connsiteX105" fmla="*/ 4452082 w 5937250"/>
              <a:gd name="connsiteY105" fmla="*/ 6257245 h 6857998"/>
              <a:gd name="connsiteX106" fmla="*/ 4436370 w 5937250"/>
              <a:gd name="connsiteY106" fmla="*/ 6195051 h 6857998"/>
              <a:gd name="connsiteX107" fmla="*/ 4460374 w 5937250"/>
              <a:gd name="connsiteY107" fmla="*/ 6114090 h 6857998"/>
              <a:gd name="connsiteX108" fmla="*/ 4613785 w 5937250"/>
              <a:gd name="connsiteY108" fmla="*/ 6179557 h 6857998"/>
              <a:gd name="connsiteX109" fmla="*/ 4648701 w 5937250"/>
              <a:gd name="connsiteY109" fmla="*/ 6175847 h 6857998"/>
              <a:gd name="connsiteX110" fmla="*/ 4495290 w 5937250"/>
              <a:gd name="connsiteY110" fmla="*/ 6068263 h 6857998"/>
              <a:gd name="connsiteX111" fmla="*/ 0 w 5937250"/>
              <a:gd name="connsiteY111" fmla="*/ 0 h 6857998"/>
              <a:gd name="connsiteX112" fmla="*/ 5937250 w 5937250"/>
              <a:gd name="connsiteY112" fmla="*/ 0 h 6857998"/>
              <a:gd name="connsiteX113" fmla="*/ 5937250 w 5937250"/>
              <a:gd name="connsiteY113" fmla="*/ 6857998 h 6857998"/>
              <a:gd name="connsiteX114" fmla="*/ 0 w 5937250"/>
              <a:gd name="connsiteY114" fmla="*/ 6857998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</a:cxnLst>
            <a:rect l="l" t="t" r="r" b="b"/>
            <a:pathLst>
              <a:path w="5937250" h="6857998">
                <a:moveTo>
                  <a:pt x="4559774" y="6340879"/>
                </a:moveTo>
                <a:cubicBezTo>
                  <a:pt x="4536860" y="6340879"/>
                  <a:pt x="4513947" y="6343989"/>
                  <a:pt x="4492234" y="6350208"/>
                </a:cubicBezTo>
                <a:lnTo>
                  <a:pt x="4500963" y="6376395"/>
                </a:lnTo>
                <a:lnTo>
                  <a:pt x="4504673" y="6375522"/>
                </a:lnTo>
                <a:cubicBezTo>
                  <a:pt x="4541553" y="6365484"/>
                  <a:pt x="4581706" y="6365920"/>
                  <a:pt x="4618585" y="6376395"/>
                </a:cubicBezTo>
                <a:lnTo>
                  <a:pt x="4627314" y="6350208"/>
                </a:lnTo>
                <a:cubicBezTo>
                  <a:pt x="4605601" y="6343989"/>
                  <a:pt x="4582688" y="6340879"/>
                  <a:pt x="4559774" y="6340879"/>
                </a:cubicBezTo>
                <a:close/>
                <a:moveTo>
                  <a:pt x="4629278" y="6268593"/>
                </a:moveTo>
                <a:cubicBezTo>
                  <a:pt x="4629715" y="6275575"/>
                  <a:pt x="4628842" y="6282777"/>
                  <a:pt x="4627096" y="6289978"/>
                </a:cubicBezTo>
                <a:lnTo>
                  <a:pt x="4630588" y="6290633"/>
                </a:lnTo>
                <a:cubicBezTo>
                  <a:pt x="4635607" y="6291506"/>
                  <a:pt x="4635607" y="6294343"/>
                  <a:pt x="4635607" y="6295434"/>
                </a:cubicBezTo>
                <a:cubicBezTo>
                  <a:pt x="4635607" y="6300016"/>
                  <a:pt x="4632333" y="6305254"/>
                  <a:pt x="4612912" y="6324022"/>
                </a:cubicBezTo>
                <a:lnTo>
                  <a:pt x="4608329" y="6328604"/>
                </a:lnTo>
                <a:cubicBezTo>
                  <a:pt x="4617494" y="6330350"/>
                  <a:pt x="4627096" y="6332750"/>
                  <a:pt x="4635607" y="6335587"/>
                </a:cubicBezTo>
                <a:cubicBezTo>
                  <a:pt x="4656338" y="6317693"/>
                  <a:pt x="4663103" y="6304599"/>
                  <a:pt x="4662448" y="6293688"/>
                </a:cubicBezTo>
                <a:cubicBezTo>
                  <a:pt x="4662667" y="6276885"/>
                  <a:pt x="4647173" y="6266847"/>
                  <a:pt x="4629278" y="6268593"/>
                </a:cubicBezTo>
                <a:close/>
                <a:moveTo>
                  <a:pt x="4487215" y="6268374"/>
                </a:moveTo>
                <a:cubicBezTo>
                  <a:pt x="4470194" y="6267719"/>
                  <a:pt x="4457319" y="6278412"/>
                  <a:pt x="4457319" y="6293688"/>
                </a:cubicBezTo>
                <a:cubicBezTo>
                  <a:pt x="4456664" y="6304599"/>
                  <a:pt x="4463429" y="6317693"/>
                  <a:pt x="4484160" y="6335587"/>
                </a:cubicBezTo>
                <a:cubicBezTo>
                  <a:pt x="4492671" y="6332750"/>
                  <a:pt x="4502273" y="6330568"/>
                  <a:pt x="4511438" y="6328604"/>
                </a:cubicBezTo>
                <a:cubicBezTo>
                  <a:pt x="4495071" y="6313110"/>
                  <a:pt x="4482851" y="6300235"/>
                  <a:pt x="4484160" y="6295216"/>
                </a:cubicBezTo>
                <a:cubicBezTo>
                  <a:pt x="4484160" y="6294125"/>
                  <a:pt x="4484160" y="6291506"/>
                  <a:pt x="4489180" y="6290415"/>
                </a:cubicBezTo>
                <a:lnTo>
                  <a:pt x="4492671" y="6289760"/>
                </a:lnTo>
                <a:cubicBezTo>
                  <a:pt x="4490707" y="6282558"/>
                  <a:pt x="4489834" y="6275357"/>
                  <a:pt x="4490489" y="6268374"/>
                </a:cubicBezTo>
                <a:close/>
                <a:moveTo>
                  <a:pt x="4398170" y="6255281"/>
                </a:moveTo>
                <a:cubicBezTo>
                  <a:pt x="4373511" y="6271430"/>
                  <a:pt x="4360854" y="6295216"/>
                  <a:pt x="4360854" y="6325331"/>
                </a:cubicBezTo>
                <a:cubicBezTo>
                  <a:pt x="4360854" y="6346499"/>
                  <a:pt x="4372202" y="6369630"/>
                  <a:pt x="4393151" y="6390580"/>
                </a:cubicBezTo>
                <a:cubicBezTo>
                  <a:pt x="4434177" y="6433788"/>
                  <a:pt x="4530849" y="6471759"/>
                  <a:pt x="4602426" y="6434879"/>
                </a:cubicBezTo>
                <a:cubicBezTo>
                  <a:pt x="4594570" y="6427241"/>
                  <a:pt x="4586714" y="6419385"/>
                  <a:pt x="4579077" y="6411093"/>
                </a:cubicBezTo>
                <a:cubicBezTo>
                  <a:pt x="4524084" y="6431824"/>
                  <a:pt x="4455126" y="6407601"/>
                  <a:pt x="4414973" y="6368539"/>
                </a:cubicBezTo>
                <a:cubicBezTo>
                  <a:pt x="4400571" y="6354136"/>
                  <a:pt x="4391842" y="6337988"/>
                  <a:pt x="4391842" y="6325331"/>
                </a:cubicBezTo>
                <a:cubicBezTo>
                  <a:pt x="4391842" y="6307655"/>
                  <a:pt x="4397515" y="6294998"/>
                  <a:pt x="4409736" y="6285178"/>
                </a:cubicBezTo>
                <a:cubicBezTo>
                  <a:pt x="4405808" y="6275576"/>
                  <a:pt x="4401662" y="6265320"/>
                  <a:pt x="4398170" y="6255281"/>
                </a:cubicBezTo>
                <a:close/>
                <a:moveTo>
                  <a:pt x="5125157" y="6243128"/>
                </a:moveTo>
                <a:cubicBezTo>
                  <a:pt x="5149646" y="6242350"/>
                  <a:pt x="5169654" y="6256917"/>
                  <a:pt x="5169163" y="6294560"/>
                </a:cubicBezTo>
                <a:cubicBezTo>
                  <a:pt x="5168945" y="6329258"/>
                  <a:pt x="5156069" y="6348243"/>
                  <a:pt x="5125300" y="6348243"/>
                </a:cubicBezTo>
                <a:cubicBezTo>
                  <a:pt x="5116571" y="6348243"/>
                  <a:pt x="5105442" y="6346498"/>
                  <a:pt x="5099768" y="6344315"/>
                </a:cubicBezTo>
                <a:lnTo>
                  <a:pt x="5099768" y="6248733"/>
                </a:lnTo>
                <a:cubicBezTo>
                  <a:pt x="5108333" y="6245351"/>
                  <a:pt x="5116994" y="6243387"/>
                  <a:pt x="5125157" y="6243128"/>
                </a:cubicBezTo>
                <a:close/>
                <a:moveTo>
                  <a:pt x="4568831" y="6240878"/>
                </a:moveTo>
                <a:lnTo>
                  <a:pt x="4568831" y="6264664"/>
                </a:lnTo>
                <a:cubicBezTo>
                  <a:pt x="4579306" y="6263573"/>
                  <a:pt x="4587598" y="6264446"/>
                  <a:pt x="4587380" y="6274266"/>
                </a:cubicBezTo>
                <a:cubicBezTo>
                  <a:pt x="4587380" y="6280813"/>
                  <a:pt x="4584325" y="6289978"/>
                  <a:pt x="4568394" y="6320529"/>
                </a:cubicBezTo>
                <a:lnTo>
                  <a:pt x="4565994" y="6325548"/>
                </a:lnTo>
                <a:cubicBezTo>
                  <a:pt x="4575378" y="6325767"/>
                  <a:pt x="4584761" y="6326421"/>
                  <a:pt x="4594582" y="6327730"/>
                </a:cubicBezTo>
                <a:cubicBezTo>
                  <a:pt x="4609857" y="6303726"/>
                  <a:pt x="4617713" y="6283431"/>
                  <a:pt x="4615749" y="6269029"/>
                </a:cubicBezTo>
                <a:cubicBezTo>
                  <a:pt x="4613130" y="6245897"/>
                  <a:pt x="4593272" y="6231931"/>
                  <a:pt x="4568831" y="6240878"/>
                </a:cubicBezTo>
                <a:close/>
                <a:moveTo>
                  <a:pt x="4533449" y="6238559"/>
                </a:moveTo>
                <a:cubicBezTo>
                  <a:pt x="4517440" y="6239705"/>
                  <a:pt x="4505819" y="6251899"/>
                  <a:pt x="4504019" y="6269247"/>
                </a:cubicBezTo>
                <a:cubicBezTo>
                  <a:pt x="4502055" y="6283650"/>
                  <a:pt x="4509911" y="6303945"/>
                  <a:pt x="4525187" y="6327950"/>
                </a:cubicBezTo>
                <a:cubicBezTo>
                  <a:pt x="4535007" y="6326422"/>
                  <a:pt x="4544390" y="6325767"/>
                  <a:pt x="4553774" y="6325767"/>
                </a:cubicBezTo>
                <a:lnTo>
                  <a:pt x="4551155" y="6320967"/>
                </a:lnTo>
                <a:cubicBezTo>
                  <a:pt x="4535225" y="6290415"/>
                  <a:pt x="4532170" y="6281031"/>
                  <a:pt x="4532170" y="6274703"/>
                </a:cubicBezTo>
                <a:cubicBezTo>
                  <a:pt x="4531734" y="6264883"/>
                  <a:pt x="4540026" y="6264010"/>
                  <a:pt x="4550719" y="6265101"/>
                </a:cubicBezTo>
                <a:lnTo>
                  <a:pt x="4550719" y="6241315"/>
                </a:lnTo>
                <a:cubicBezTo>
                  <a:pt x="4544609" y="6239023"/>
                  <a:pt x="4538785" y="6238178"/>
                  <a:pt x="4533449" y="6238559"/>
                </a:cubicBezTo>
                <a:close/>
                <a:moveTo>
                  <a:pt x="5362943" y="6200725"/>
                </a:moveTo>
                <a:cubicBezTo>
                  <a:pt x="5329119" y="6200725"/>
                  <a:pt x="5300968" y="6206835"/>
                  <a:pt x="5275436" y="6217092"/>
                </a:cubicBezTo>
                <a:lnTo>
                  <a:pt x="5275436" y="6386869"/>
                </a:lnTo>
                <a:lnTo>
                  <a:pt x="5332392" y="6386869"/>
                </a:lnTo>
                <a:lnTo>
                  <a:pt x="5332392" y="6250480"/>
                </a:lnTo>
                <a:cubicBezTo>
                  <a:pt x="5340685" y="6246770"/>
                  <a:pt x="5350941" y="6244806"/>
                  <a:pt x="5361634" y="6244806"/>
                </a:cubicBezTo>
                <a:cubicBezTo>
                  <a:pt x="5392404" y="6244806"/>
                  <a:pt x="5398296" y="6263574"/>
                  <a:pt x="5398296" y="6298271"/>
                </a:cubicBezTo>
                <a:lnTo>
                  <a:pt x="5398296" y="6386869"/>
                </a:lnTo>
                <a:lnTo>
                  <a:pt x="5455252" y="6386869"/>
                </a:lnTo>
                <a:lnTo>
                  <a:pt x="5455252" y="6289978"/>
                </a:lnTo>
                <a:cubicBezTo>
                  <a:pt x="5455470" y="6235641"/>
                  <a:pt x="5437358" y="6200725"/>
                  <a:pt x="5362943" y="6200725"/>
                </a:cubicBezTo>
                <a:close/>
                <a:moveTo>
                  <a:pt x="5128137" y="6199851"/>
                </a:moveTo>
                <a:cubicBezTo>
                  <a:pt x="5098022" y="6199851"/>
                  <a:pt x="5066598" y="6206398"/>
                  <a:pt x="5042812" y="6216218"/>
                </a:cubicBezTo>
                <a:lnTo>
                  <a:pt x="5042812" y="6456046"/>
                </a:lnTo>
                <a:lnTo>
                  <a:pt x="5099768" y="6456046"/>
                </a:lnTo>
                <a:lnTo>
                  <a:pt x="5099768" y="6387523"/>
                </a:lnTo>
                <a:cubicBezTo>
                  <a:pt x="5171345" y="6400617"/>
                  <a:pt x="5228956" y="6370938"/>
                  <a:pt x="5227865" y="6294342"/>
                </a:cubicBezTo>
                <a:cubicBezTo>
                  <a:pt x="5227646" y="6233676"/>
                  <a:pt x="5195349" y="6199851"/>
                  <a:pt x="5128137" y="6199851"/>
                </a:cubicBezTo>
                <a:close/>
                <a:moveTo>
                  <a:pt x="4652402" y="6194615"/>
                </a:moveTo>
                <a:cubicBezTo>
                  <a:pt x="4634726" y="6194615"/>
                  <a:pt x="4623159" y="6197233"/>
                  <a:pt x="4623159" y="6197233"/>
                </a:cubicBezTo>
                <a:cubicBezTo>
                  <a:pt x="4627087" y="6206399"/>
                  <a:pt x="4629924" y="6216874"/>
                  <a:pt x="4631452" y="6227785"/>
                </a:cubicBezTo>
                <a:cubicBezTo>
                  <a:pt x="4638435" y="6226912"/>
                  <a:pt x="4645637" y="6226039"/>
                  <a:pt x="4652402" y="6226039"/>
                </a:cubicBezTo>
                <a:cubicBezTo>
                  <a:pt x="4691899" y="6225821"/>
                  <a:pt x="4716559" y="6248516"/>
                  <a:pt x="4717432" y="6276885"/>
                </a:cubicBezTo>
                <a:cubicBezTo>
                  <a:pt x="4717432" y="6291942"/>
                  <a:pt x="4709357" y="6311801"/>
                  <a:pt x="4701501" y="6330786"/>
                </a:cubicBezTo>
                <a:cubicBezTo>
                  <a:pt x="4697573" y="6340606"/>
                  <a:pt x="4690154" y="6359374"/>
                  <a:pt x="4686226" y="6375522"/>
                </a:cubicBezTo>
                <a:cubicBezTo>
                  <a:pt x="4679679" y="6402363"/>
                  <a:pt x="4660694" y="6476996"/>
                  <a:pt x="4617922" y="6448190"/>
                </a:cubicBezTo>
                <a:cubicBezTo>
                  <a:pt x="4608102" y="6452555"/>
                  <a:pt x="4594572" y="6458665"/>
                  <a:pt x="4584316" y="6461502"/>
                </a:cubicBezTo>
                <a:cubicBezTo>
                  <a:pt x="4604611" y="6479614"/>
                  <a:pt x="4618577" y="6485724"/>
                  <a:pt x="4638217" y="6485724"/>
                </a:cubicBezTo>
                <a:cubicBezTo>
                  <a:pt x="4691245" y="6485724"/>
                  <a:pt x="4709357" y="6411092"/>
                  <a:pt x="4716340" y="6382941"/>
                </a:cubicBezTo>
                <a:cubicBezTo>
                  <a:pt x="4723105" y="6352390"/>
                  <a:pt x="4748855" y="6309618"/>
                  <a:pt x="4748419" y="6276667"/>
                </a:cubicBezTo>
                <a:cubicBezTo>
                  <a:pt x="4747983" y="6227567"/>
                  <a:pt x="4702810" y="6193087"/>
                  <a:pt x="4652402" y="6194615"/>
                </a:cubicBezTo>
                <a:close/>
                <a:moveTo>
                  <a:pt x="4559884" y="6186540"/>
                </a:moveTo>
                <a:lnTo>
                  <a:pt x="4538717" y="6208581"/>
                </a:lnTo>
                <a:lnTo>
                  <a:pt x="4559884" y="6230621"/>
                </a:lnTo>
                <a:lnTo>
                  <a:pt x="4581053" y="6208581"/>
                </a:lnTo>
                <a:close/>
                <a:moveTo>
                  <a:pt x="4818695" y="6136566"/>
                </a:moveTo>
                <a:lnTo>
                  <a:pt x="4818695" y="6385996"/>
                </a:lnTo>
                <a:lnTo>
                  <a:pt x="4875652" y="6385996"/>
                </a:lnTo>
                <a:lnTo>
                  <a:pt x="4875652" y="6287794"/>
                </a:lnTo>
                <a:lnTo>
                  <a:pt x="4940901" y="6385994"/>
                </a:lnTo>
                <a:lnTo>
                  <a:pt x="5008333" y="6385994"/>
                </a:lnTo>
                <a:lnTo>
                  <a:pt x="4937628" y="6285830"/>
                </a:lnTo>
                <a:lnTo>
                  <a:pt x="5002440" y="6206397"/>
                </a:lnTo>
                <a:lnTo>
                  <a:pt x="4937628" y="6206397"/>
                </a:lnTo>
                <a:lnTo>
                  <a:pt x="4875652" y="6287794"/>
                </a:lnTo>
                <a:lnTo>
                  <a:pt x="4875652" y="6136566"/>
                </a:lnTo>
                <a:close/>
                <a:moveTo>
                  <a:pt x="4495290" y="6068263"/>
                </a:moveTo>
                <a:cubicBezTo>
                  <a:pt x="4433096" y="6068263"/>
                  <a:pt x="4405164" y="6131985"/>
                  <a:pt x="4405164" y="6195051"/>
                </a:cubicBezTo>
                <a:cubicBezTo>
                  <a:pt x="4405382" y="6225166"/>
                  <a:pt x="4415420" y="6249825"/>
                  <a:pt x="4425022" y="6273393"/>
                </a:cubicBezTo>
                <a:cubicBezTo>
                  <a:pt x="4429823" y="6270339"/>
                  <a:pt x="4440080" y="6263574"/>
                  <a:pt x="4452082" y="6257245"/>
                </a:cubicBezTo>
                <a:cubicBezTo>
                  <a:pt x="4441825" y="6233022"/>
                  <a:pt x="4436152" y="6211636"/>
                  <a:pt x="4436370" y="6195051"/>
                </a:cubicBezTo>
                <a:cubicBezTo>
                  <a:pt x="4436370" y="6158826"/>
                  <a:pt x="4445098" y="6129366"/>
                  <a:pt x="4460374" y="6114090"/>
                </a:cubicBezTo>
                <a:cubicBezTo>
                  <a:pt x="4500309" y="6073937"/>
                  <a:pt x="4578215" y="6125220"/>
                  <a:pt x="4613785" y="6179557"/>
                </a:cubicBezTo>
                <a:cubicBezTo>
                  <a:pt x="4624696" y="6178030"/>
                  <a:pt x="4637571" y="6175847"/>
                  <a:pt x="4648701" y="6175847"/>
                </a:cubicBezTo>
                <a:cubicBezTo>
                  <a:pt x="4613130" y="6111690"/>
                  <a:pt x="4540680" y="6068263"/>
                  <a:pt x="4495290" y="6068263"/>
                </a:cubicBezTo>
                <a:close/>
                <a:moveTo>
                  <a:pt x="0" y="0"/>
                </a:moveTo>
                <a:lnTo>
                  <a:pt x="5937250" y="0"/>
                </a:lnTo>
                <a:lnTo>
                  <a:pt x="5937250" y="6857998"/>
                </a:lnTo>
                <a:lnTo>
                  <a:pt x="0" y="6857998"/>
                </a:lnTo>
                <a:close/>
              </a:path>
            </a:pathLst>
          </a:custGeom>
          <a:noFill/>
        </p:spPr>
      </p:pic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F32B57EF-6BED-DAE7-EB0F-9E9360648B6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35000" y="1208602"/>
            <a:ext cx="5302249" cy="391598"/>
          </a:xfrm>
        </p:spPr>
        <p:txBody>
          <a:bodyPr anchor="ctr">
            <a:normAutofit/>
          </a:bodyPr>
          <a:lstStyle/>
          <a:p>
            <a:pPr>
              <a:lnSpc>
                <a:spcPct val="100000"/>
              </a:lnSpc>
            </a:pPr>
            <a:r>
              <a:rPr lang="nl-NL" sz="2200"/>
              <a:t>Waarom een verschuiving naar MKB en ZZP?</a:t>
            </a:r>
          </a:p>
        </p:txBody>
      </p:sp>
    </p:spTree>
    <p:extLst>
      <p:ext uri="{BB962C8B-B14F-4D97-AF65-F5344CB8AC3E}">
        <p14:creationId xmlns:p14="http://schemas.microsoft.com/office/powerpoint/2010/main" val="292769957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Content Placeholder 1">
            <a:extLst>
              <a:ext uri="{FF2B5EF4-FFF2-40B4-BE49-F238E27FC236}">
                <a16:creationId xmlns:a16="http://schemas.microsoft.com/office/drawing/2014/main" id="{6853C298-C186-12AD-6B42-9A8475160D40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4996" y="1839600"/>
            <a:ext cx="5303650" cy="3942000"/>
          </a:xfrm>
        </p:spPr>
        <p:txBody>
          <a:bodyPr/>
          <a:lstStyle/>
          <a:p>
            <a:pPr marL="285750" indent="-285750">
              <a:buFont typeface="Wingdings" panose="05000000000000000000" pitchFamily="2" charset="2"/>
              <a:buChar char="q"/>
            </a:pPr>
            <a:r>
              <a:rPr lang="en-US" dirty="0" err="1"/>
              <a:t>Voorlichting</a:t>
            </a:r>
            <a:r>
              <a:rPr lang="en-US" dirty="0"/>
              <a:t> op </a:t>
            </a:r>
            <a:r>
              <a:rPr lang="en-US" dirty="0" err="1"/>
              <a:t>scholen</a:t>
            </a:r>
            <a:endParaRPr lang="en-US" dirty="0"/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en-US" dirty="0" err="1"/>
              <a:t>Samen</a:t>
            </a:r>
            <a:r>
              <a:rPr lang="en-US" dirty="0"/>
              <a:t> met MEAU </a:t>
            </a:r>
            <a:r>
              <a:rPr lang="en-US" dirty="0" err="1"/>
              <a:t>een</a:t>
            </a:r>
            <a:r>
              <a:rPr lang="en-US" dirty="0"/>
              <a:t> videoclip: “</a:t>
            </a:r>
            <a:r>
              <a:rPr lang="en-US" dirty="0" err="1"/>
              <a:t>Stukje</a:t>
            </a:r>
            <a:r>
              <a:rPr lang="en-US" dirty="0"/>
              <a:t> van </a:t>
            </a:r>
            <a:r>
              <a:rPr lang="en-US" dirty="0" err="1"/>
              <a:t>mij</a:t>
            </a:r>
            <a:r>
              <a:rPr lang="en-US" dirty="0"/>
              <a:t>”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en-US" dirty="0">
                <a:hlinkClick r:id="rId2"/>
              </a:rPr>
              <a:t>https://www.kpn.com/beterinternet</a:t>
            </a:r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pic>
        <p:nvPicPr>
          <p:cNvPr id="10" name="Picture Placeholder 9" descr="A group of women smiling">
            <a:extLst>
              <a:ext uri="{FF2B5EF4-FFF2-40B4-BE49-F238E27FC236}">
                <a16:creationId xmlns:a16="http://schemas.microsoft.com/office/drawing/2014/main" id="{AB8847F1-A04F-9D43-7D2F-AE20365616E3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3"/>
          <a:srcRect l="484" r="3" b="3"/>
          <a:stretch/>
        </p:blipFill>
        <p:spPr>
          <a:xfrm>
            <a:off x="6253200" y="1839600"/>
            <a:ext cx="5301250" cy="3942000"/>
          </a:xfrm>
          <a:noFill/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D9F0658-154E-0535-A37D-C28BCFF20E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635000" y="6250882"/>
            <a:ext cx="360000" cy="179023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A978B2FF-0EC6-496A-9F3F-A37EF0BEACA5}" type="slidenum">
              <a:rPr lang="nl-NL" sz="1300" smtClean="0"/>
              <a:pPr>
                <a:spcAft>
                  <a:spcPts val="600"/>
                </a:spcAft>
              </a:pPr>
              <a:t>6</a:t>
            </a:fld>
            <a:endParaRPr lang="nl-NL" sz="130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35E0037-9CC8-37CA-4DDC-8A02C0B149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600" y="605631"/>
            <a:ext cx="10922400" cy="604039"/>
          </a:xfrm>
        </p:spPr>
        <p:txBody>
          <a:bodyPr anchor="ctr">
            <a:normAutofit/>
          </a:bodyPr>
          <a:lstStyle/>
          <a:p>
            <a:r>
              <a:rPr lang="nl-NL" dirty="0"/>
              <a:t>#BeterInterne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19D7E53-063B-4302-610A-F9813EC2FEF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35000" y="1208602"/>
            <a:ext cx="10922000" cy="391598"/>
          </a:xfrm>
        </p:spPr>
        <p:txBody>
          <a:bodyPr anchor="ctr">
            <a:normAutofit/>
          </a:bodyPr>
          <a:lstStyle/>
          <a:p>
            <a:pPr>
              <a:lnSpc>
                <a:spcPct val="100000"/>
              </a:lnSpc>
            </a:pPr>
            <a:r>
              <a:rPr lang="nl-NL" sz="2400" dirty="0"/>
              <a:t>KPN initiatief</a:t>
            </a:r>
          </a:p>
        </p:txBody>
      </p:sp>
      <p:sp>
        <p:nvSpPr>
          <p:cNvPr id="8" name="AutoShape 4">
            <a:extLst>
              <a:ext uri="{FF2B5EF4-FFF2-40B4-BE49-F238E27FC236}">
                <a16:creationId xmlns:a16="http://schemas.microsoft.com/office/drawing/2014/main" id="{6F80595C-31EF-1981-B4E6-E14F88942EE7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nl-NL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417E685C-045F-EEC1-8D3D-D3DA707213F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76845" y="3182572"/>
            <a:ext cx="3419952" cy="20862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631776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2F038FC-C8DE-1371-3256-11FC607BF5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7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74C87DE-DD13-0079-7B7A-E7811D33817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Oorzaken bedreigingen?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F32B57EF-6BED-DAE7-EB0F-9E9360648B6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nl-NL" dirty="0"/>
              <a:t>Willekeurige volgorde</a:t>
            </a:r>
          </a:p>
        </p:txBody>
      </p:sp>
      <p:sp>
        <p:nvSpPr>
          <p:cNvPr id="2" name="Content Placeholder 35">
            <a:extLst>
              <a:ext uri="{FF2B5EF4-FFF2-40B4-BE49-F238E27FC236}">
                <a16:creationId xmlns:a16="http://schemas.microsoft.com/office/drawing/2014/main" id="{C293C3EF-E697-58A4-3700-BCB10226104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3600" y="1972799"/>
            <a:ext cx="9729600" cy="4077323"/>
          </a:xfrm>
        </p:spPr>
        <p:txBody>
          <a:bodyPr numCol="1">
            <a:normAutofit lnSpcReduction="10000"/>
          </a:bodyPr>
          <a:lstStyle/>
          <a:p>
            <a:pPr marL="342900" lvl="0" indent="-342900">
              <a:buFont typeface="Wingdings" panose="05000000000000000000" pitchFamily="2" charset="2"/>
              <a:buChar char="q"/>
            </a:pPr>
            <a:r>
              <a:rPr lang="nl-NL" sz="2400" dirty="0"/>
              <a:t>Meeste </a:t>
            </a:r>
            <a:r>
              <a:rPr lang="nl-NL" sz="2400" b="1" dirty="0">
                <a:solidFill>
                  <a:srgbClr val="00C300"/>
                </a:solidFill>
              </a:rPr>
              <a:t>bedreigingen</a:t>
            </a:r>
            <a:r>
              <a:rPr lang="nl-NL" sz="2400" dirty="0"/>
              <a:t> komen nog steeds via de </a:t>
            </a:r>
            <a:r>
              <a:rPr lang="nl-NL" sz="2400" b="1" dirty="0">
                <a:solidFill>
                  <a:srgbClr val="00C300"/>
                </a:solidFill>
              </a:rPr>
              <a:t>email</a:t>
            </a:r>
            <a:endParaRPr lang="en-US" sz="2400" b="1" dirty="0">
              <a:solidFill>
                <a:srgbClr val="00C300"/>
              </a:solidFill>
            </a:endParaRPr>
          </a:p>
          <a:p>
            <a:pPr marL="342900" indent="-342900">
              <a:lnSpc>
                <a:spcPct val="100000"/>
              </a:lnSpc>
              <a:buFont typeface="Wingdings" panose="05000000000000000000" pitchFamily="2" charset="2"/>
              <a:buChar char="q"/>
            </a:pPr>
            <a:endParaRPr lang="en-NL" sz="2400" dirty="0"/>
          </a:p>
          <a:p>
            <a:pPr marL="342900" lvl="0" indent="-342900">
              <a:buFont typeface="Wingdings" panose="05000000000000000000" pitchFamily="2" charset="2"/>
              <a:buChar char="q"/>
            </a:pPr>
            <a:r>
              <a:rPr lang="nl-NL" sz="2400" dirty="0"/>
              <a:t>MKB aanvallen worden massaal ingezet, </a:t>
            </a:r>
            <a:r>
              <a:rPr lang="nl-NL" sz="2400" b="1" dirty="0">
                <a:solidFill>
                  <a:srgbClr val="00C300"/>
                </a:solidFill>
              </a:rPr>
              <a:t>losgeld</a:t>
            </a:r>
            <a:r>
              <a:rPr lang="nl-NL" sz="2400" dirty="0"/>
              <a:t> is lager maar door hoger aantal is de </a:t>
            </a:r>
            <a:r>
              <a:rPr lang="nl-NL" sz="2400" b="1" dirty="0">
                <a:solidFill>
                  <a:srgbClr val="00C300"/>
                </a:solidFill>
              </a:rPr>
              <a:t>opbrengst goed</a:t>
            </a:r>
          </a:p>
          <a:p>
            <a:pPr marL="342900" lvl="0" indent="-342900">
              <a:buFont typeface="Wingdings" panose="05000000000000000000" pitchFamily="2" charset="2"/>
              <a:buChar char="q"/>
            </a:pPr>
            <a:endParaRPr lang="en-US" sz="2400" dirty="0"/>
          </a:p>
          <a:p>
            <a:pPr marL="342900" lvl="0" indent="-342900">
              <a:buFont typeface="Wingdings" panose="05000000000000000000" pitchFamily="2" charset="2"/>
              <a:buChar char="q"/>
            </a:pPr>
            <a:r>
              <a:rPr lang="nl-NL" sz="2400" dirty="0"/>
              <a:t>Door </a:t>
            </a:r>
            <a:r>
              <a:rPr lang="nl-NL" sz="2400" b="1" dirty="0">
                <a:solidFill>
                  <a:srgbClr val="00C300"/>
                </a:solidFill>
              </a:rPr>
              <a:t>thuiswerken minder controle</a:t>
            </a:r>
            <a:r>
              <a:rPr lang="nl-NL" sz="2400" dirty="0"/>
              <a:t>, het veilige hek is weg</a:t>
            </a:r>
            <a:endParaRPr lang="en-US" sz="2400" dirty="0"/>
          </a:p>
          <a:p>
            <a:pPr marL="342900" indent="-342900">
              <a:lnSpc>
                <a:spcPct val="100000"/>
              </a:lnSpc>
              <a:buFont typeface="Wingdings" panose="05000000000000000000" pitchFamily="2" charset="2"/>
              <a:buChar char="q"/>
            </a:pPr>
            <a:endParaRPr lang="en-NL" sz="2400" dirty="0"/>
          </a:p>
          <a:p>
            <a:pPr marL="342900" lvl="0" indent="-342900">
              <a:buFont typeface="Wingdings" panose="05000000000000000000" pitchFamily="2" charset="2"/>
              <a:buChar char="q"/>
            </a:pPr>
            <a:r>
              <a:rPr lang="nl-NL" sz="2400" dirty="0"/>
              <a:t>Gebruik eigen middelen</a:t>
            </a:r>
          </a:p>
          <a:p>
            <a:pPr marL="342900" lvl="0" indent="-342900">
              <a:buFont typeface="Wingdings" panose="05000000000000000000" pitchFamily="2" charset="2"/>
              <a:buChar char="q"/>
            </a:pPr>
            <a:endParaRPr lang="nl-NL" sz="2400" dirty="0"/>
          </a:p>
          <a:p>
            <a:pPr marL="342900" indent="-342900">
              <a:buFont typeface="Wingdings" panose="05000000000000000000" pitchFamily="2" charset="2"/>
              <a:buChar char="q"/>
            </a:pPr>
            <a:r>
              <a:rPr lang="nl-NL" sz="2400" dirty="0"/>
              <a:t>Gebruik </a:t>
            </a:r>
            <a:r>
              <a:rPr lang="nl-NL" sz="2400" dirty="0" err="1"/>
              <a:t>shadow</a:t>
            </a:r>
            <a:r>
              <a:rPr lang="nl-NL" sz="2400" dirty="0"/>
              <a:t> IT (</a:t>
            </a:r>
            <a:r>
              <a:rPr lang="nl-NL" sz="2400" b="1" dirty="0" err="1">
                <a:solidFill>
                  <a:srgbClr val="00C300"/>
                </a:solidFill>
              </a:rPr>
              <a:t>WeTransfer</a:t>
            </a:r>
            <a:r>
              <a:rPr lang="nl-NL" sz="2400" dirty="0"/>
              <a:t>) en </a:t>
            </a:r>
            <a:r>
              <a:rPr lang="nl-NL" sz="2400" dirty="0" err="1"/>
              <a:t>prive</a:t>
            </a:r>
            <a:r>
              <a:rPr lang="nl-NL" sz="2400" dirty="0"/>
              <a:t>/zakelijk verstrengeling</a:t>
            </a:r>
            <a:endParaRPr lang="en-US" sz="2400" dirty="0"/>
          </a:p>
        </p:txBody>
      </p:sp>
    </p:spTree>
    <p:extLst>
      <p:ext uri="{BB962C8B-B14F-4D97-AF65-F5344CB8AC3E}">
        <p14:creationId xmlns:p14="http://schemas.microsoft.com/office/powerpoint/2010/main" val="423095364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F6599370-48CF-57E5-FF58-2976D32E213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4995" y="1839600"/>
            <a:ext cx="6951809" cy="3942000"/>
          </a:xfrm>
        </p:spPr>
        <p:txBody>
          <a:bodyPr/>
          <a:lstStyle/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dirty="0"/>
              <a:t>Verwacht ik een bericht? Bij twijfel, open het niet en wis het meteen!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dirty="0"/>
              <a:t>Heb ik wel een overeenkomst met deze leverancier?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dirty="0"/>
              <a:t>Is het niet “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good</a:t>
            </a:r>
            <a:r>
              <a:rPr lang="nl-NL" dirty="0"/>
              <a:t>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be</a:t>
            </a:r>
            <a:r>
              <a:rPr lang="nl-NL" dirty="0"/>
              <a:t> </a:t>
            </a:r>
            <a:r>
              <a:rPr lang="nl-NL" dirty="0" err="1"/>
              <a:t>true</a:t>
            </a:r>
            <a:r>
              <a:rPr lang="nl-NL" dirty="0"/>
              <a:t>”? (bij bv. Marktplaats advertenties)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dirty="0"/>
              <a:t>Bij twijfel: bel direct met de organisatie!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b="1" dirty="0"/>
              <a:t>Checkjelinkje.nl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nl-NL" dirty="0"/>
              <a:t>Controleer de domeinnaam, </a:t>
            </a:r>
            <a:r>
              <a:rPr lang="nl-NL" b="1" dirty="0"/>
              <a:t>SIDN.NL </a:t>
            </a:r>
            <a:r>
              <a:rPr lang="nl-NL" dirty="0"/>
              <a:t>of </a:t>
            </a:r>
            <a:r>
              <a:rPr lang="nl-NL" b="1" dirty="0"/>
              <a:t>WHOIS.COM</a:t>
            </a:r>
          </a:p>
          <a:p>
            <a:endParaRPr lang="nl-NL" dirty="0"/>
          </a:p>
          <a:p>
            <a:endParaRPr lang="nl-NL" dirty="0"/>
          </a:p>
          <a:p>
            <a:endParaRPr lang="nl-NL" dirty="0"/>
          </a:p>
          <a:p>
            <a:r>
              <a:rPr lang="nl-NL" dirty="0"/>
              <a:t>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3B24CE-50B7-A366-B80F-17A7BB0E547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lnSpc>
                <a:spcPct val="83000"/>
              </a:lnSpc>
            </a:pPr>
            <a:fld id="{A978B2FF-0EC6-496A-9F3F-A37EF0BEACA5}" type="slidenum">
              <a:rPr lang="nl-NL" smtClean="0"/>
              <a:pPr>
                <a:lnSpc>
                  <a:spcPct val="83000"/>
                </a:lnSpc>
              </a:pPr>
              <a:t>8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B7F81F6-B044-A1AB-F61B-77A88A26D4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Tip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FD1E7E9C-BFDF-5529-8682-4AEC3D24536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nl-NL" dirty="0"/>
              <a:t>Eenvoudige checks</a:t>
            </a:r>
          </a:p>
        </p:txBody>
      </p:sp>
      <p:pic>
        <p:nvPicPr>
          <p:cNvPr id="8" name="Picture 7" descr="A green square with a white tick&#10;&#10;Description automatically generated">
            <a:extLst>
              <a:ext uri="{FF2B5EF4-FFF2-40B4-BE49-F238E27FC236}">
                <a16:creationId xmlns:a16="http://schemas.microsoft.com/office/drawing/2014/main" id="{8AAC687E-5E77-2A32-B273-1D80E2AD27B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837473B0-CC2E-450A-ABE3-18F120FF3D39}">
                <a1611:picAttrSrcUrl xmlns:a1611="http://schemas.microsoft.com/office/drawing/2016/11/main" r:id="rId3"/>
              </a:ext>
            </a:extLst>
          </a:blip>
          <a:stretch>
            <a:fillRect/>
          </a:stretch>
        </p:blipFill>
        <p:spPr>
          <a:xfrm>
            <a:off x="7586804" y="1839600"/>
            <a:ext cx="4176384" cy="4176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970860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Content Placeholder 7" descr="A diagram of a plan do check act&#10;&#10;Description automatically generated">
            <a:extLst>
              <a:ext uri="{FF2B5EF4-FFF2-40B4-BE49-F238E27FC236}">
                <a16:creationId xmlns:a16="http://schemas.microsoft.com/office/drawing/2014/main" id="{98D59AD8-D025-DF48-266B-B4D4606157D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273835" y="1903751"/>
            <a:ext cx="4024581" cy="3823352"/>
          </a:xfrm>
          <a:noFill/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97BAADB1-3DCA-5D50-C94D-DB52880B5B9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54200" y="1840330"/>
            <a:ext cx="5302800" cy="3960000"/>
          </a:xfrm>
        </p:spPr>
        <p:txBody>
          <a:bodyPr anchor="t">
            <a:normAutofit/>
          </a:bodyPr>
          <a:lstStyle/>
          <a:p>
            <a:r>
              <a:rPr lang="nl-NL" dirty="0"/>
              <a:t>1. Bepaal je risico’s</a:t>
            </a:r>
          </a:p>
          <a:p>
            <a:endParaRPr lang="nl-NL" dirty="0"/>
          </a:p>
          <a:p>
            <a:r>
              <a:rPr lang="nl-NL" dirty="0"/>
              <a:t>2. Implementeer de basis maatregelen</a:t>
            </a:r>
          </a:p>
          <a:p>
            <a:endParaRPr lang="nl-NL" dirty="0"/>
          </a:p>
          <a:p>
            <a:r>
              <a:rPr lang="nl-NL" dirty="0"/>
              <a:t>3. Test regelmatig</a:t>
            </a:r>
          </a:p>
          <a:p>
            <a:endParaRPr lang="nl-NL" dirty="0"/>
          </a:p>
          <a:p>
            <a:r>
              <a:rPr lang="nl-NL" dirty="0"/>
              <a:t>4. Herhaal</a:t>
            </a:r>
          </a:p>
          <a:p>
            <a:endParaRPr lang="nl-NL" dirty="0"/>
          </a:p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B9FB505-8AF4-C25D-D95B-471F2066DC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635000" y="6250882"/>
            <a:ext cx="360000" cy="179023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A978B2FF-0EC6-496A-9F3F-A37EF0BEACA5}" type="slidenum">
              <a:rPr lang="nl-NL" sz="1300" smtClean="0"/>
              <a:pPr>
                <a:spcAft>
                  <a:spcPts val="600"/>
                </a:spcAft>
              </a:pPr>
              <a:t>9</a:t>
            </a:fld>
            <a:endParaRPr lang="nl-NL" sz="130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5378D3D-9F7B-10A4-D952-E4A43CCB8B5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600" y="605631"/>
            <a:ext cx="10922400" cy="604039"/>
          </a:xfrm>
        </p:spPr>
        <p:txBody>
          <a:bodyPr anchor="ctr">
            <a:normAutofit/>
          </a:bodyPr>
          <a:lstStyle/>
          <a:p>
            <a:r>
              <a:rPr lang="nl-NL" dirty="0"/>
              <a:t>Wat kan ik er aan doen?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DA9A980-9E54-AE96-9287-B1BA43FDF63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35000" y="1208602"/>
            <a:ext cx="10922000" cy="391598"/>
          </a:xfrm>
        </p:spPr>
        <p:txBody>
          <a:bodyPr anchor="ctr">
            <a:normAutofit/>
          </a:bodyPr>
          <a:lstStyle/>
          <a:p>
            <a:pPr>
              <a:lnSpc>
                <a:spcPct val="100000"/>
              </a:lnSpc>
            </a:pPr>
            <a:r>
              <a:rPr lang="nl-NL" sz="2400"/>
              <a:t>Ik ben toch geen specialist?</a:t>
            </a:r>
          </a:p>
        </p:txBody>
      </p:sp>
    </p:spTree>
    <p:extLst>
      <p:ext uri="{BB962C8B-B14F-4D97-AF65-F5344CB8AC3E}">
        <p14:creationId xmlns:p14="http://schemas.microsoft.com/office/powerpoint/2010/main" val="1552698858"/>
      </p:ext>
    </p:extLst>
  </p:cSld>
  <p:clrMapOvr>
    <a:masterClrMapping/>
  </p:clrMapOvr>
</p:sld>
</file>

<file path=ppt/theme/theme1.xml><?xml version="1.0" encoding="utf-8"?>
<a:theme xmlns:a="http://schemas.openxmlformats.org/drawingml/2006/main" name="KPN 2023">
  <a:themeElements>
    <a:clrScheme name="KPN 2023">
      <a:dk1>
        <a:srgbClr val="1E1E1E"/>
      </a:dk1>
      <a:lt1>
        <a:srgbClr val="FFFFFF"/>
      </a:lt1>
      <a:dk2>
        <a:srgbClr val="1E1E1E"/>
      </a:dk2>
      <a:lt2>
        <a:srgbClr val="FAFAFA"/>
      </a:lt2>
      <a:accent1>
        <a:srgbClr val="00C300"/>
      </a:accent1>
      <a:accent2>
        <a:srgbClr val="BBFF00"/>
      </a:accent2>
      <a:accent3>
        <a:srgbClr val="004DCB"/>
      </a:accent3>
      <a:accent4>
        <a:srgbClr val="9977FF"/>
      </a:accent4>
      <a:accent5>
        <a:srgbClr val="FF3366"/>
      </a:accent5>
      <a:accent6>
        <a:srgbClr val="FF6600"/>
      </a:accent6>
      <a:hlink>
        <a:srgbClr val="0563C1"/>
      </a:hlink>
      <a:folHlink>
        <a:srgbClr val="954F72"/>
      </a:folHlink>
    </a:clrScheme>
    <a:fontScheme name="kpn 2023 font">
      <a:majorFont>
        <a:latin typeface="KPN Black"/>
        <a:ea typeface=""/>
        <a:cs typeface=""/>
      </a:majorFont>
      <a:minorFont>
        <a:latin typeface="KPN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01">
      <a:srgbClr val="00C300"/>
    </a:custClr>
    <a:custClr name="02">
      <a:srgbClr val="BBFF00"/>
    </a:custClr>
    <a:custClr name="03">
      <a:srgbClr val="0066EE"/>
    </a:custClr>
    <a:custClr name="04">
      <a:srgbClr val="9977FF"/>
    </a:custClr>
    <a:custClr name="05">
      <a:srgbClr val="FF3366"/>
    </a:custClr>
    <a:custClr name="06">
      <a:srgbClr val="FF6600"/>
    </a:custClr>
    <a:custClr name="07">
      <a:srgbClr val="D6D8D8"/>
    </a:custClr>
    <a:custClr name="A1">
      <a:srgbClr val="008800"/>
    </a:custClr>
    <a:custClr name="A2">
      <a:srgbClr val="00C300"/>
    </a:custClr>
    <a:custClr name="A3">
      <a:srgbClr val="AAEEAA"/>
    </a:custClr>
    <a:custClr name="11">
      <a:srgbClr val="00C300"/>
    </a:custClr>
    <a:custClr name="12">
      <a:srgbClr val="7C7C7D"/>
    </a:custClr>
    <a:custClr name="13">
      <a:srgbClr val="979797"/>
    </a:custClr>
    <a:custClr name=" ">
      <a:srgbClr val="B2B2B2"/>
    </a:custClr>
    <a:custClr name="14">
      <a:srgbClr val="D8D8D8"/>
    </a:custClr>
    <a:custClr name="15">
      <a:srgbClr val="F3F3F3"/>
    </a:custClr>
    <a:custClr name="16">
      <a:srgbClr val="FFFFFF"/>
    </a:custClr>
    <a:custClr name="B1">
      <a:srgbClr val="88BB00"/>
    </a:custClr>
    <a:custClr name=" B2">
      <a:srgbClr val="BBFF00"/>
    </a:custClr>
    <a:custClr name="B3">
      <a:srgbClr val="DDFF77"/>
    </a:custClr>
    <a:custClr name="17">
      <a:srgbClr val="CCEECC"/>
    </a:custClr>
    <a:custClr name="18">
      <a:srgbClr val="99EE99"/>
    </a:custClr>
    <a:custClr name="19">
      <a:srgbClr val="44DD44"/>
    </a:custClr>
    <a:custClr name=" ">
      <a:srgbClr val="00C300"/>
    </a:custClr>
    <a:custClr name="20">
      <a:srgbClr val="00AA00"/>
    </a:custClr>
    <a:custClr name="21">
      <a:srgbClr val="008800"/>
    </a:custClr>
    <a:custClr name="22">
      <a:srgbClr val="007700"/>
    </a:custClr>
    <a:custClr name="C1">
      <a:srgbClr val="003377"/>
    </a:custClr>
    <a:custClr name="C2">
      <a:srgbClr val="0066EE"/>
    </a:custClr>
    <a:custClr name="C3">
      <a:srgbClr val="77BBFF"/>
    </a:custClr>
    <a:custClr name="23">
      <a:srgbClr val="003377"/>
    </a:custClr>
    <a:custClr name="24">
      <a:srgbClr val="0066EE"/>
    </a:custClr>
    <a:custClr name="25">
      <a:srgbClr val="77BBFF"/>
    </a:custClr>
    <a:custClr name=" ">
      <a:srgbClr val="D5E1E1"/>
    </a:custClr>
    <a:custClr name="26">
      <a:srgbClr val="AAEEAA"/>
    </a:custClr>
    <a:custClr name="27">
      <a:srgbClr val="00C300"/>
    </a:custClr>
    <a:custClr name="28">
      <a:srgbClr val="008800"/>
    </a:custClr>
    <a:custClr name="D1">
      <a:srgbClr val="6600AA"/>
    </a:custClr>
    <a:custClr name="D2">
      <a:srgbClr val="9977FF"/>
    </a:custClr>
    <a:custClr name="D3">
      <a:srgbClr val="CCBBEE"/>
    </a:custClr>
    <a:custClr name="E1">
      <a:srgbClr val="B32A45"/>
    </a:custClr>
    <a:custClr name="E2">
      <a:srgbClr val="FF3366"/>
    </a:custClr>
    <a:custClr name="E3">
      <a:srgbClr val="FFB9C7"/>
    </a:custClr>
    <a:custClr name="F1">
      <a:srgbClr val="CF5706"/>
    </a:custClr>
    <a:custClr name="F2">
      <a:srgbClr val="FF6600"/>
    </a:custClr>
    <a:custClr name="F3">
      <a:srgbClr val="FFCAA6"/>
    </a:custClr>
  </a:custClrLst>
</a:theme>
</file>

<file path=ppt/theme/theme2.xml><?xml version="1.0" encoding="utf-8"?>
<a:theme xmlns:a="http://schemas.openxmlformats.org/drawingml/2006/main" name="KPN 2022">
  <a:themeElements>
    <a:clrScheme name="KPN 2022">
      <a:dk1>
        <a:srgbClr val="1E1E1E"/>
      </a:dk1>
      <a:lt1>
        <a:srgbClr val="FFFFFF"/>
      </a:lt1>
      <a:dk2>
        <a:srgbClr val="1E1E1E"/>
      </a:dk2>
      <a:lt2>
        <a:srgbClr val="FAFAFA"/>
      </a:lt2>
      <a:accent1>
        <a:srgbClr val="00C300"/>
      </a:accent1>
      <a:accent2>
        <a:srgbClr val="00AAFF"/>
      </a:accent2>
      <a:accent3>
        <a:srgbClr val="C8CDC8"/>
      </a:accent3>
      <a:accent4>
        <a:srgbClr val="DEFF00"/>
      </a:accent4>
      <a:accent5>
        <a:srgbClr val="009900"/>
      </a:accent5>
      <a:accent6>
        <a:srgbClr val="005AFF"/>
      </a:accent6>
      <a:hlink>
        <a:srgbClr val="1E1E1E"/>
      </a:hlink>
      <a:folHlink>
        <a:srgbClr val="8C968C"/>
      </a:folHlink>
    </a:clrScheme>
    <a:fontScheme name="KPN Metric">
      <a:majorFont>
        <a:latin typeface="KPN Metric"/>
        <a:ea typeface=""/>
        <a:cs typeface=""/>
      </a:majorFont>
      <a:minorFont>
        <a:latin typeface="KPN Metri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01">
      <a:srgbClr val="00C300"/>
    </a:custClr>
    <a:custClr name="02">
      <a:srgbClr val="BBFF00"/>
    </a:custClr>
    <a:custClr name="03">
      <a:srgbClr val="0066EE"/>
    </a:custClr>
    <a:custClr name="04">
      <a:srgbClr val="9977FF"/>
    </a:custClr>
    <a:custClr name="05">
      <a:srgbClr val="FF3366"/>
    </a:custClr>
    <a:custClr name="06">
      <a:srgbClr val="FF6600"/>
    </a:custClr>
    <a:custClr name="07">
      <a:srgbClr val="D6D8D8"/>
    </a:custClr>
    <a:custClr name="A1">
      <a:srgbClr val="008800"/>
    </a:custClr>
    <a:custClr name="A2">
      <a:srgbClr val="00C300"/>
    </a:custClr>
    <a:custClr name="A3">
      <a:srgbClr val="AAEEAA"/>
    </a:custClr>
    <a:custClr name="11">
      <a:srgbClr val="00C300"/>
    </a:custClr>
    <a:custClr name="12">
      <a:srgbClr val="7C7C7D"/>
    </a:custClr>
    <a:custClr name="13">
      <a:srgbClr val="979797"/>
    </a:custClr>
    <a:custClr name=" ">
      <a:srgbClr val="B2B2B2"/>
    </a:custClr>
    <a:custClr name="14">
      <a:srgbClr val="D8D8D8"/>
    </a:custClr>
    <a:custClr name="15">
      <a:srgbClr val="F3F3F3"/>
    </a:custClr>
    <a:custClr name="16">
      <a:srgbClr val="FFFFFF"/>
    </a:custClr>
    <a:custClr name="B1">
      <a:srgbClr val="88BB00"/>
    </a:custClr>
    <a:custClr name=" B2">
      <a:srgbClr val="BBFF00"/>
    </a:custClr>
    <a:custClr name="B3">
      <a:srgbClr val="DDFF77"/>
    </a:custClr>
    <a:custClr name="17">
      <a:srgbClr val="CCEECC"/>
    </a:custClr>
    <a:custClr name="18">
      <a:srgbClr val="99EE99"/>
    </a:custClr>
    <a:custClr name="19">
      <a:srgbClr val="44DD44"/>
    </a:custClr>
    <a:custClr name=" ">
      <a:srgbClr val="00C300"/>
    </a:custClr>
    <a:custClr name="20">
      <a:srgbClr val="00AA00"/>
    </a:custClr>
    <a:custClr name="21">
      <a:srgbClr val="008800"/>
    </a:custClr>
    <a:custClr name="22">
      <a:srgbClr val="007700"/>
    </a:custClr>
    <a:custClr name="C1">
      <a:srgbClr val="003377"/>
    </a:custClr>
    <a:custClr name="C2">
      <a:srgbClr val="0066EE"/>
    </a:custClr>
    <a:custClr name="C3">
      <a:srgbClr val="77BBFF"/>
    </a:custClr>
    <a:custClr name="23">
      <a:srgbClr val="003377"/>
    </a:custClr>
    <a:custClr name="24">
      <a:srgbClr val="0066EE"/>
    </a:custClr>
    <a:custClr name="25">
      <a:srgbClr val="77BBFF"/>
    </a:custClr>
    <a:custClr name=" ">
      <a:srgbClr val="D5E1E1"/>
    </a:custClr>
    <a:custClr name="26">
      <a:srgbClr val="AAEEAA"/>
    </a:custClr>
    <a:custClr name="27">
      <a:srgbClr val="00C300"/>
    </a:custClr>
    <a:custClr name="28">
      <a:srgbClr val="008800"/>
    </a:custClr>
    <a:custClr name="D1">
      <a:srgbClr val="6600AA"/>
    </a:custClr>
    <a:custClr name="D2">
      <a:srgbClr val="9977FF"/>
    </a:custClr>
    <a:custClr name="D3">
      <a:srgbClr val="CCBBEE"/>
    </a:custClr>
    <a:custClr name="E1">
      <a:srgbClr val="B32A45"/>
    </a:custClr>
    <a:custClr name="E2">
      <a:srgbClr val="FF3366"/>
    </a:custClr>
    <a:custClr name="E3">
      <a:srgbClr val="FFB9C7"/>
    </a:custClr>
    <a:custClr name="F1">
      <a:srgbClr val="CF5706"/>
    </a:custClr>
    <a:custClr name="F2">
      <a:srgbClr val="FF6600"/>
    </a:custClr>
    <a:custClr name="F3">
      <a:srgbClr val="FFCAA6"/>
    </a:custClr>
  </a:custClrLst>
</a:theme>
</file>

<file path=ppt/theme/theme3.xml><?xml version="1.0" encoding="utf-8"?>
<a:theme xmlns:a="http://schemas.openxmlformats.org/drawingml/2006/main" name="KPN 2022">
  <a:themeElements>
    <a:clrScheme name="KPN 2022">
      <a:dk1>
        <a:srgbClr val="1E1E1E"/>
      </a:dk1>
      <a:lt1>
        <a:srgbClr val="FFFFFF"/>
      </a:lt1>
      <a:dk2>
        <a:srgbClr val="1E1E1E"/>
      </a:dk2>
      <a:lt2>
        <a:srgbClr val="FAFAFA"/>
      </a:lt2>
      <a:accent1>
        <a:srgbClr val="00C300"/>
      </a:accent1>
      <a:accent2>
        <a:srgbClr val="00AAFF"/>
      </a:accent2>
      <a:accent3>
        <a:srgbClr val="C8CDC8"/>
      </a:accent3>
      <a:accent4>
        <a:srgbClr val="DEFF00"/>
      </a:accent4>
      <a:accent5>
        <a:srgbClr val="009900"/>
      </a:accent5>
      <a:accent6>
        <a:srgbClr val="005AFF"/>
      </a:accent6>
      <a:hlink>
        <a:srgbClr val="1E1E1E"/>
      </a:hlink>
      <a:folHlink>
        <a:srgbClr val="8C968C"/>
      </a:folHlink>
    </a:clrScheme>
    <a:fontScheme name="KPN Metric">
      <a:majorFont>
        <a:latin typeface="KPN Metric"/>
        <a:ea typeface=""/>
        <a:cs typeface=""/>
      </a:majorFont>
      <a:minorFont>
        <a:latin typeface="KPN Metri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01">
      <a:srgbClr val="00C300"/>
    </a:custClr>
    <a:custClr name="02">
      <a:srgbClr val="BBFF00"/>
    </a:custClr>
    <a:custClr name="03">
      <a:srgbClr val="0066EE"/>
    </a:custClr>
    <a:custClr name="04">
      <a:srgbClr val="9977FF"/>
    </a:custClr>
    <a:custClr name="05">
      <a:srgbClr val="FF3366"/>
    </a:custClr>
    <a:custClr name="06">
      <a:srgbClr val="FF6600"/>
    </a:custClr>
    <a:custClr name="07">
      <a:srgbClr val="D6D8D8"/>
    </a:custClr>
    <a:custClr name="A1">
      <a:srgbClr val="008800"/>
    </a:custClr>
    <a:custClr name="A2">
      <a:srgbClr val="00C300"/>
    </a:custClr>
    <a:custClr name="A3">
      <a:srgbClr val="AAEEAA"/>
    </a:custClr>
    <a:custClr name="11">
      <a:srgbClr val="00C300"/>
    </a:custClr>
    <a:custClr name="12">
      <a:srgbClr val="7C7C7D"/>
    </a:custClr>
    <a:custClr name="13">
      <a:srgbClr val="979797"/>
    </a:custClr>
    <a:custClr name=" ">
      <a:srgbClr val="B2B2B2"/>
    </a:custClr>
    <a:custClr name="14">
      <a:srgbClr val="D8D8D8"/>
    </a:custClr>
    <a:custClr name="15">
      <a:srgbClr val="F3F3F3"/>
    </a:custClr>
    <a:custClr name="16">
      <a:srgbClr val="FFFFFF"/>
    </a:custClr>
    <a:custClr name="B1">
      <a:srgbClr val="88BB00"/>
    </a:custClr>
    <a:custClr name=" B2">
      <a:srgbClr val="BBFF00"/>
    </a:custClr>
    <a:custClr name="B3">
      <a:srgbClr val="DDFF77"/>
    </a:custClr>
    <a:custClr name="17">
      <a:srgbClr val="CCEECC"/>
    </a:custClr>
    <a:custClr name="18">
      <a:srgbClr val="99EE99"/>
    </a:custClr>
    <a:custClr name="19">
      <a:srgbClr val="44DD44"/>
    </a:custClr>
    <a:custClr name=" ">
      <a:srgbClr val="00C300"/>
    </a:custClr>
    <a:custClr name="20">
      <a:srgbClr val="00AA00"/>
    </a:custClr>
    <a:custClr name="21">
      <a:srgbClr val="008800"/>
    </a:custClr>
    <a:custClr name="22">
      <a:srgbClr val="007700"/>
    </a:custClr>
    <a:custClr name="C1">
      <a:srgbClr val="003377"/>
    </a:custClr>
    <a:custClr name="C2">
      <a:srgbClr val="0066EE"/>
    </a:custClr>
    <a:custClr name="C3">
      <a:srgbClr val="77BBFF"/>
    </a:custClr>
    <a:custClr name="23">
      <a:srgbClr val="003377"/>
    </a:custClr>
    <a:custClr name="24">
      <a:srgbClr val="0066EE"/>
    </a:custClr>
    <a:custClr name="25">
      <a:srgbClr val="77BBFF"/>
    </a:custClr>
    <a:custClr name=" ">
      <a:srgbClr val="D5E1E1"/>
    </a:custClr>
    <a:custClr name="26">
      <a:srgbClr val="AAEEAA"/>
    </a:custClr>
    <a:custClr name="27">
      <a:srgbClr val="00C300"/>
    </a:custClr>
    <a:custClr name="28">
      <a:srgbClr val="008800"/>
    </a:custClr>
    <a:custClr name="D1">
      <a:srgbClr val="6600AA"/>
    </a:custClr>
    <a:custClr name="D2">
      <a:srgbClr val="9977FF"/>
    </a:custClr>
    <a:custClr name="D3">
      <a:srgbClr val="CCBBEE"/>
    </a:custClr>
    <a:custClr name="E1">
      <a:srgbClr val="B32A45"/>
    </a:custClr>
    <a:custClr name="E2">
      <a:srgbClr val="FF3366"/>
    </a:custClr>
    <a:custClr name="E3">
      <a:srgbClr val="FFB9C7"/>
    </a:custClr>
    <a:custClr name="F1">
      <a:srgbClr val="CF5706"/>
    </a:custClr>
    <a:custClr name="F2">
      <a:srgbClr val="FF6600"/>
    </a:custClr>
    <a:custClr name="F3">
      <a:srgbClr val="FFCAA6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92E96B58D083047865A4048F5146C9A" ma:contentTypeVersion="20" ma:contentTypeDescription="Een nieuw document maken." ma:contentTypeScope="" ma:versionID="63ae59e549858bb9368f993bc64d1204">
  <xsd:schema xmlns:xsd="http://www.w3.org/2001/XMLSchema" xmlns:xs="http://www.w3.org/2001/XMLSchema" xmlns:p="http://schemas.microsoft.com/office/2006/metadata/properties" xmlns:ns2="c3aacb7c-3dd0-4ae6-b705-1e8a0013ff0a" xmlns:ns3="778cb2b9-aa1c-4cda-8118-cdf2b07b184d" targetNamespace="http://schemas.microsoft.com/office/2006/metadata/properties" ma:root="true" ma:fieldsID="c497ad97ac0b79528686edb528e68087" ns2:_="" ns3:_="">
    <xsd:import namespace="c3aacb7c-3dd0-4ae6-b705-1e8a0013ff0a"/>
    <xsd:import namespace="778cb2b9-aa1c-4cda-8118-cdf2b07b184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Location" minOccurs="0"/>
                <xsd:element ref="ns2:MediaLengthInSeconds" minOccurs="0"/>
                <xsd:element ref="ns2:MediaServiceAutoKeyPoints" minOccurs="0"/>
                <xsd:element ref="ns2:MediaServiceKeyPoint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watnogmeer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3aacb7c-3dd0-4ae6-b705-1e8a0013ff0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CR" ma:index="1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ternalName="MediaServiceLocation" ma:readOnly="true">
      <xsd:simpleType>
        <xsd:restriction base="dms:Text"/>
      </xsd:simpleType>
    </xsd:element>
    <xsd:element name="MediaLengthInSeconds" ma:index="17" nillable="true" ma:displayName="Length (seconds)" ma:internalName="MediaLengthInSeconds" ma:readOnly="true">
      <xsd:simpleType>
        <xsd:restriction base="dms:Unknown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21" nillable="true" ma:taxonomy="true" ma:internalName="lcf76f155ced4ddcb4097134ff3c332f" ma:taxonomyFieldName="MediaServiceImageTags" ma:displayName="Afbeeldingtags" ma:readOnly="false" ma:fieldId="{5cf76f15-5ced-4ddc-b409-7134ff3c332f}" ma:taxonomyMulti="true" ma:sspId="41422437-d206-4ac9-bc7f-f748bda524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watnogmeer" ma:index="24" nillable="true" ma:displayName="wat nog meer" ma:format="Dropdown" ma:internalName="watnogmeer">
      <xsd:simpleType>
        <xsd:restriction base="dms:Text">
          <xsd:maxLength value="255"/>
        </xsd:restriction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8cb2b9-aa1c-4cda-8118-cdf2b07b184d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6e002a4-96c3-46fe-9f24-f932bafda7e2}" ma:internalName="TaxCatchAll" ma:showField="CatchAllData" ma:web="778cb2b9-aa1c-4cda-8118-cdf2b07b184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{"type":"shape","id":"192b0559-78de-4cbb-a7af-63905845d584","elementConfiguration":{"binding":"Form.Footer","disableUpdates":false,"type":"text"}},{"type":"shape","id":"d75f4ce2-a6eb-4043-8401-d2bb230f1779","elementConfiguration":{"binding":"Form.Author","disableUpdates":false,"type":"text"}},{"type":"shape","id":"b7739915-9d3c-4bda-ae71-0251cc86205e","elementConfiguration":{"format":"{{DateFormats.PPT}}","binding":"Form.Date","disableUpdates":false,"type":"date"}},{"type":"shape","id":"7bc9ff2d-4292-4eb0-aa9f-a7109ec5a318","elementConfiguration":{"binding":"Form.Footer","disableUpdates":false,"type":"text"}},{"type":"shape","id":"19fb0be4-bb0d-4f3c-a64d-3bf220106ca3","elementConfiguration":{"binding":"Form.Author","disableUpdates":false,"type":"text"}},{"type":"shape","id":"2d02499c-8f00-4b76-a04f-19873027465d","elementConfiguration":{"format":"{{DateFormats.PPT}}","binding":"Form.Date","disableUpdates":false,"type":"date"}},{"type":"shape","id":"2d34b9b3-f021-4834-b33c-18c66810e431","elementConfiguration":{"binding":"Form.Author","disableUpdates":false,"type":"text"}},{"type":"shape","id":"8dd61ab4-d037-47c2-80f6-50debddce1dd","elementConfiguration":{"format":"{{DateFormats.PPT}}","binding":"Form.Date","disableUpdates":false,"type":"date"}},{"type":"shape","id":"cc101f33-42b3-4ab8-ad16-ebe6da663ea6","elementConfiguration":{"binding":"Form.Author","disableUpdates":false,"type":"text"}},{"type":"shape","id":"26890239-923c-4a29-8926-90c06a21206e","elementConfiguration":{"format":"{{DateFormats.PPT}}","binding":"Form.Date","disableUpdates":false,"type":"date"}},{"type":"shape","id":"6781cd91-3ee2-4b62-9a4d-d63157b80b93","elementConfiguration":{"binding":"Form.Footer","disableUpdates":false,"type":"text"}},{"type":"shape","id":"77acbac0-9204-4cb2-a1e2-6b7789696307","elementConfiguration":{"binding":"Form.Author","disableUpdates":false,"type":"text"}},{"type":"shape","id":"e28c3f3d-071f-4d00-ab6a-a774820d7560","elementConfiguration":{"format":"{{DateFormats.PPT}}","binding":"Form.Date","disableUpdates":false,"type":"date"}}],"transformationConfigurations":[{"language":"{{UserProfile.DocumentLanguage.Iana}}","disableUpdates":false,"type":"proofingLanguage"}],"templateName":"","templateDescription":"","enableDocumentContentUpdater":true,"version":"1.12"}]]></TemplafyTemplateConfiguration>
</file>

<file path=customXml/item3.xml><?xml version="1.0" encoding="utf-8"?>
<TemplafyFormConfiguration><![CDATA[{"formFields":[{"required":true,"helpTexts":{"prefix":"","postfix":""},"spacing":{},"type":"datePicker","name":"Date","label":"Datum","fullyQualifiedName":"Date"},{"required":false,"placeholder":"Naam, Achternaam","lines":0,"helpTexts":{"prefix":"","postfix":""},"spacing":{},"type":"textBox","name":"Author","label":"Auteur","fullyQualifiedName":"Author"},{"required":false,"placeholder":"","lines":0,"helpTexts":{"prefix":"","postfix":""},"spacing":{},"type":"textBox","name":"Footer","label":"Voettekst","fullyQualifiedName":"Footer"}],"formDataEntries":[{"name":"Date","value":"cGUVnESwLMGrjQvGPauBFA=="},{"name":"Author","value":"yaroQWIreLZ7zBdncNnqCQ=="},{"name":"Footer","value":"qzR7ytcE6rvQuziYx35nt9RqfrCGpwwkun3z/R/rLNjaD/0+FPrqgCFVfBPydbF0"}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78cb2b9-aa1c-4cda-8118-cdf2b07b184d" xsi:nil="true"/>
    <lcf76f155ced4ddcb4097134ff3c332f xmlns="c3aacb7c-3dd0-4ae6-b705-1e8a0013ff0a">
      <Terms xmlns="http://schemas.microsoft.com/office/infopath/2007/PartnerControls"/>
    </lcf76f155ced4ddcb4097134ff3c332f>
    <watnogmeer xmlns="c3aacb7c-3dd0-4ae6-b705-1e8a0013ff0a" xsi:nil="true"/>
  </documentManagement>
</p:properti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0,"isValidatorEnabled":false,"isLocked":false,"elementsMetadata":[],"slideId":"638361800172550118","enableDocumentContentUpdater":true,"version":"1.12"}]]></TemplafySlideTemplateConfiguration>
</file>

<file path=customXml/itemProps1.xml><?xml version="1.0" encoding="utf-8"?>
<ds:datastoreItem xmlns:ds="http://schemas.openxmlformats.org/officeDocument/2006/customXml" ds:itemID="{B26C5341-27C0-4BB1-AC64-DB1A030F83EC}"/>
</file>

<file path=customXml/itemProps2.xml><?xml version="1.0" encoding="utf-8"?>
<ds:datastoreItem xmlns:ds="http://schemas.openxmlformats.org/officeDocument/2006/customXml" ds:itemID="{884F9854-5EAA-4432-89BE-77D43B99025D}">
  <ds:schemaRefs/>
</ds:datastoreItem>
</file>

<file path=customXml/itemProps3.xml><?xml version="1.0" encoding="utf-8"?>
<ds:datastoreItem xmlns:ds="http://schemas.openxmlformats.org/officeDocument/2006/customXml" ds:itemID="{1E731BF5-7BB8-4445-A3C7-D3D2435BB2DF}">
  <ds:schemaRefs/>
</ds:datastoreItem>
</file>

<file path=customXml/itemProps4.xml><?xml version="1.0" encoding="utf-8"?>
<ds:datastoreItem xmlns:ds="http://schemas.openxmlformats.org/officeDocument/2006/customXml" ds:itemID="{BD788596-6D67-493B-B5CC-2BF3071EECD0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84B2CAE2-9716-45BC-B15C-49263A050A71}">
  <ds:schemaRefs>
    <ds:schemaRef ds:uri="http://schemas.openxmlformats.org/package/2006/metadata/core-properties"/>
    <ds:schemaRef ds:uri="http://schemas.microsoft.com/office/infopath/2007/PartnerControls"/>
    <ds:schemaRef ds:uri="http://schemas.microsoft.com/office/2006/metadata/properties"/>
    <ds:schemaRef ds:uri="http://purl.org/dc/terms/"/>
    <ds:schemaRef ds:uri="http://schemas.microsoft.com/office/2006/documentManagement/types"/>
    <ds:schemaRef ds:uri="6b2685c3-cb74-402e-89a3-cd359bd59e48"/>
    <ds:schemaRef ds:uri="http://purl.org/dc/elements/1.1/"/>
    <ds:schemaRef ds:uri="2f7262f3-19e3-4c38-834c-996e2cec5b6c"/>
    <ds:schemaRef ds:uri="http://www.w3.org/XML/1998/namespace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93A607E0-E0BA-4728-9314-F114D20B0E88}">
  <ds:schemaRefs/>
</ds:datastoreItem>
</file>

<file path=customXml/itemProps7.xml><?xml version="1.0" encoding="utf-8"?>
<ds:datastoreItem xmlns:ds="http://schemas.openxmlformats.org/officeDocument/2006/customXml" ds:itemID="{E4E56B45-F780-4AFF-A729-915C4FBB4E9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PN_Template_Metric</Template>
  <TotalTime>2023</TotalTime>
  <Words>654</Words>
  <Application>Microsoft Office PowerPoint</Application>
  <PresentationFormat>Widescreen</PresentationFormat>
  <Paragraphs>125</Paragraphs>
  <Slides>1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21" baseType="lpstr">
      <vt:lpstr>Arial</vt:lpstr>
      <vt:lpstr>Calibri</vt:lpstr>
      <vt:lpstr>KPN</vt:lpstr>
      <vt:lpstr>KPN Black</vt:lpstr>
      <vt:lpstr>KPN Light</vt:lpstr>
      <vt:lpstr>KPN Metric</vt:lpstr>
      <vt:lpstr>Wingdings</vt:lpstr>
      <vt:lpstr>KPN 2023</vt:lpstr>
      <vt:lpstr>Cybersecurity voor MKB en ZZP</vt:lpstr>
      <vt:lpstr>Introductie</vt:lpstr>
      <vt:lpstr>Cybercriminaliteit</vt:lpstr>
      <vt:lpstr>Welke aanvallers zijn er</vt:lpstr>
      <vt:lpstr>Maar ik ben toch niet interessant?</vt:lpstr>
      <vt:lpstr>#BeterInternet</vt:lpstr>
      <vt:lpstr>Oorzaken bedreigingen?</vt:lpstr>
      <vt:lpstr>Tips</vt:lpstr>
      <vt:lpstr>Wat kan ik er aan doen?</vt:lpstr>
      <vt:lpstr>Wat kan ik er aan doen?</vt:lpstr>
      <vt:lpstr>Wat kan ik er aan doen?</vt:lpstr>
      <vt:lpstr>Wat kan ik er aan doen?</vt:lpstr>
      <vt:lpstr>Gehack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KPN 2022 Model set</dc:title>
  <dc:creator>Andre Roubal</dc:creator>
  <dc:description>Voorbeeld set September 2022</dc:description>
  <cp:lastModifiedBy>Sprengers, Erwin</cp:lastModifiedBy>
  <cp:revision>105</cp:revision>
  <dcterms:created xsi:type="dcterms:W3CDTF">2022-09-06T09:42:17Z</dcterms:created>
  <dcterms:modified xsi:type="dcterms:W3CDTF">2024-04-09T13:24:48Z</dcterms:modified>
  <cp:version>2.1</cp:ver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92E96B58D083047865A4048F5146C9A</vt:lpwstr>
  </property>
  <property fmtid="{D5CDD505-2E9C-101B-9397-08002B2CF9AE}" pid="3" name="MediaServiceImageTags">
    <vt:lpwstr/>
  </property>
  <property fmtid="{D5CDD505-2E9C-101B-9397-08002B2CF9AE}" pid="4" name="TemplafyTimeStamp">
    <vt:lpwstr>2023-11-28T14:25:28.9067529Z</vt:lpwstr>
  </property>
  <property fmtid="{D5CDD505-2E9C-101B-9397-08002B2CF9AE}" pid="5" name="TemplafyTenantId">
    <vt:lpwstr>kpn</vt:lpwstr>
  </property>
  <property fmtid="{D5CDD505-2E9C-101B-9397-08002B2CF9AE}" pid="6" name="TemplafyTemplateId">
    <vt:lpwstr>638361800146271764</vt:lpwstr>
  </property>
  <property fmtid="{D5CDD505-2E9C-101B-9397-08002B2CF9AE}" pid="7" name="TemplafyUserProfileId">
    <vt:lpwstr>637698965386854752</vt:lpwstr>
  </property>
  <property fmtid="{D5CDD505-2E9C-101B-9397-08002B2CF9AE}" pid="8" name="TemplafyLanguageCode">
    <vt:lpwstr>nl-NL</vt:lpwstr>
  </property>
  <property fmtid="{D5CDD505-2E9C-101B-9397-08002B2CF9AE}" pid="9" name="MSIP_Label_d2dc6f62-bb58-4b94-b6ca-9af54699d31b_Enabled">
    <vt:lpwstr>true</vt:lpwstr>
  </property>
  <property fmtid="{D5CDD505-2E9C-101B-9397-08002B2CF9AE}" pid="10" name="MSIP_Label_d2dc6f62-bb58-4b94-b6ca-9af54699d31b_SetDate">
    <vt:lpwstr>2024-03-22T15:33:26Z</vt:lpwstr>
  </property>
  <property fmtid="{D5CDD505-2E9C-101B-9397-08002B2CF9AE}" pid="11" name="MSIP_Label_d2dc6f62-bb58-4b94-b6ca-9af54699d31b_Method">
    <vt:lpwstr>Standard</vt:lpwstr>
  </property>
  <property fmtid="{D5CDD505-2E9C-101B-9397-08002B2CF9AE}" pid="12" name="MSIP_Label_d2dc6f62-bb58-4b94-b6ca-9af54699d31b_Name">
    <vt:lpwstr>d2dc6f62-bb58-4b94-b6ca-9af54699d31b</vt:lpwstr>
  </property>
  <property fmtid="{D5CDD505-2E9C-101B-9397-08002B2CF9AE}" pid="13" name="MSIP_Label_d2dc6f62-bb58-4b94-b6ca-9af54699d31b_SiteId">
    <vt:lpwstr>d7790549-8c35-40ea-ad75-954ac3e86be8</vt:lpwstr>
  </property>
  <property fmtid="{D5CDD505-2E9C-101B-9397-08002B2CF9AE}" pid="14" name="MSIP_Label_d2dc6f62-bb58-4b94-b6ca-9af54699d31b_ActionId">
    <vt:lpwstr>99f4424c-b71f-4d96-8908-84d8898d5998</vt:lpwstr>
  </property>
  <property fmtid="{D5CDD505-2E9C-101B-9397-08002B2CF9AE}" pid="15" name="MSIP_Label_d2dc6f62-bb58-4b94-b6ca-9af54699d31b_ContentBits">
    <vt:lpwstr>0</vt:lpwstr>
  </property>
</Properties>
</file>